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5673" w:type="pct"/>
        <w:tblInd w:w="-54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Layout table"/>
      </w:tblPr>
      <w:tblGrid>
        <w:gridCol w:w="10710"/>
      </w:tblGrid>
      <w:tr w:rsidR="00604635" w:rsidRPr="008D316E" w14:paraId="3979A60A" w14:textId="77777777" w:rsidTr="003F42B7">
        <w:tc>
          <w:tcPr>
            <w:tcW w:w="10620" w:type="dxa"/>
          </w:tcPr>
          <w:tbl>
            <w:tblPr>
              <w:tblStyle w:val="TableGrid"/>
              <w:tblW w:w="10710" w:type="dxa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  <w:tblDescription w:val="Structure layout table"/>
            </w:tblPr>
            <w:tblGrid>
              <w:gridCol w:w="10620"/>
              <w:gridCol w:w="90"/>
            </w:tblGrid>
            <w:tr w:rsidR="00226F5C" w14:paraId="400E6E66" w14:textId="77777777" w:rsidTr="009435BF">
              <w:trPr>
                <w:trHeight w:val="1082"/>
              </w:trPr>
              <w:tc>
                <w:tcPr>
                  <w:tcW w:w="10620" w:type="dxa"/>
                  <w:shd w:val="clear" w:color="auto" w:fill="FA8242" w:themeFill="accent6"/>
                  <w:vAlign w:val="center"/>
                </w:tcPr>
                <w:p w14:paraId="378F1570" w14:textId="0736378B" w:rsidR="00F56ADF" w:rsidRPr="00F56ADF" w:rsidRDefault="00F56ADF" w:rsidP="005213DE">
                  <w:pPr>
                    <w:pStyle w:val="Title"/>
                    <w:spacing w:after="240"/>
                    <w:ind w:right="90"/>
                    <w:rPr>
                      <w:b/>
                      <w:caps w:val="0"/>
                      <w:smallCaps/>
                      <w:color w:val="auto"/>
                      <w:sz w:val="46"/>
                      <w:szCs w:val="46"/>
                    </w:rPr>
                  </w:pPr>
                  <w:r w:rsidRPr="00F56ADF">
                    <w:rPr>
                      <w:b/>
                      <w:caps w:val="0"/>
                      <w:smallCaps/>
                      <w:color w:val="auto"/>
                      <w:sz w:val="46"/>
                      <w:szCs w:val="46"/>
                    </w:rPr>
                    <w:t>National Performance Management Measures</w:t>
                  </w:r>
                </w:p>
                <w:p w14:paraId="1734188F" w14:textId="19E8A277" w:rsidR="00F80FD9" w:rsidRPr="008462F0" w:rsidRDefault="0025726E" w:rsidP="008D316E">
                  <w:pPr>
                    <w:pStyle w:val="Title"/>
                    <w:ind w:right="90"/>
                    <w:rPr>
                      <w:b/>
                      <w:caps w:val="0"/>
                      <w:smallCaps/>
                      <w:color w:val="auto"/>
                      <w:sz w:val="56"/>
                    </w:rPr>
                  </w:pPr>
                  <w:r>
                    <w:rPr>
                      <w:b/>
                      <w:caps w:val="0"/>
                      <w:smallCaps/>
                      <w:color w:val="auto"/>
                      <w:sz w:val="56"/>
                    </w:rPr>
                    <w:t>Pavement and Bridge Condition</w:t>
                  </w:r>
                </w:p>
                <w:p w14:paraId="22B485A3" w14:textId="0D4D66F2" w:rsidR="009435BF" w:rsidRPr="008D316E" w:rsidRDefault="008462F0" w:rsidP="008D316E">
                  <w:pPr>
                    <w:pStyle w:val="Heading1"/>
                    <w:spacing w:before="0" w:after="240"/>
                  </w:pPr>
                  <w:r w:rsidRPr="008D316E">
                    <w:t>Engagement P</w:t>
                  </w:r>
                  <w:r w:rsidR="009435BF" w:rsidRPr="008D316E">
                    <w:t>lan</w:t>
                  </w:r>
                </w:p>
              </w:tc>
              <w:tc>
                <w:tcPr>
                  <w:tcW w:w="90" w:type="dxa"/>
                  <w:vAlign w:val="center"/>
                </w:tcPr>
                <w:p w14:paraId="02779150" w14:textId="77777777" w:rsidR="00226F5C" w:rsidRDefault="00226F5C" w:rsidP="005213DE">
                  <w:pPr>
                    <w:spacing w:after="240" w:line="259" w:lineRule="auto"/>
                    <w:ind w:right="90"/>
                  </w:pPr>
                </w:p>
              </w:tc>
            </w:tr>
            <w:tr w:rsidR="00226F5C" w:rsidRPr="008D316E" w14:paraId="3071B248" w14:textId="77777777" w:rsidTr="009435BF">
              <w:trPr>
                <w:trHeight w:val="2322"/>
              </w:trPr>
              <w:tc>
                <w:tcPr>
                  <w:tcW w:w="10620" w:type="dxa"/>
                </w:tcPr>
                <w:p w14:paraId="240408A1" w14:textId="5DDEF958" w:rsidR="00FF4E20" w:rsidRPr="000B46CF" w:rsidRDefault="00FF4E20" w:rsidP="009435BF">
                  <w:pPr>
                    <w:ind w:right="90"/>
                    <w:rPr>
                      <w:b/>
                      <w:color w:val="FF0000"/>
                    </w:rPr>
                  </w:pPr>
                </w:p>
                <w:p w14:paraId="49CBD537" w14:textId="77777777" w:rsidR="000B46CF" w:rsidRPr="008D316E" w:rsidRDefault="000B46CF" w:rsidP="008D316E">
                  <w:pPr>
                    <w:pStyle w:val="Heading2"/>
                  </w:pPr>
                  <w:r w:rsidRPr="008D316E">
                    <w:t>Background:</w:t>
                  </w:r>
                </w:p>
                <w:p w14:paraId="2BBF78D2" w14:textId="5F05BE66" w:rsidR="00BF2733" w:rsidRPr="000B46CF" w:rsidRDefault="000B46CF" w:rsidP="000B46CF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  <w:r w:rsidRPr="000B46CF">
                    <w:rPr>
                      <w:rFonts w:asciiTheme="majorHAnsi" w:hAnsiTheme="majorHAnsi"/>
                    </w:rPr>
                    <w:t xml:space="preserve">The </w:t>
                  </w:r>
                  <w:r w:rsidR="00F961A1" w:rsidRPr="000B46CF">
                    <w:rPr>
                      <w:rFonts w:asciiTheme="majorHAnsi" w:hAnsiTheme="majorHAnsi"/>
                    </w:rPr>
                    <w:t>Moving Ahead for Progress in the 21</w:t>
                  </w:r>
                  <w:r w:rsidR="00F961A1" w:rsidRPr="000B46CF">
                    <w:rPr>
                      <w:rFonts w:asciiTheme="majorHAnsi" w:hAnsiTheme="majorHAnsi"/>
                      <w:vertAlign w:val="superscript"/>
                    </w:rPr>
                    <w:t>st</w:t>
                  </w:r>
                  <w:r w:rsidR="00F961A1" w:rsidRPr="000B46CF">
                    <w:rPr>
                      <w:rFonts w:asciiTheme="majorHAnsi" w:hAnsiTheme="majorHAnsi"/>
                    </w:rPr>
                    <w:t xml:space="preserve"> Century (</w:t>
                  </w:r>
                  <w:r w:rsidR="000C2E1A" w:rsidRPr="000B46CF">
                    <w:rPr>
                      <w:rFonts w:asciiTheme="majorHAnsi" w:hAnsiTheme="majorHAnsi"/>
                    </w:rPr>
                    <w:t>MAP-21</w:t>
                  </w:r>
                  <w:r w:rsidR="00F961A1" w:rsidRPr="000B46CF">
                    <w:rPr>
                      <w:rFonts w:asciiTheme="majorHAnsi" w:hAnsiTheme="majorHAnsi"/>
                    </w:rPr>
                    <w:t xml:space="preserve">) </w:t>
                  </w:r>
                  <w:r w:rsidRPr="000B46CF">
                    <w:rPr>
                      <w:rFonts w:asciiTheme="majorHAnsi" w:hAnsiTheme="majorHAnsi"/>
                    </w:rPr>
                    <w:t xml:space="preserve">transportation bill </w:t>
                  </w:r>
                  <w:r w:rsidR="00F961A1" w:rsidRPr="000B46CF">
                    <w:rPr>
                      <w:rFonts w:asciiTheme="majorHAnsi" w:hAnsiTheme="majorHAnsi"/>
                    </w:rPr>
                    <w:t xml:space="preserve">established federal regulation </w:t>
                  </w:r>
                  <w:r w:rsidR="00981C11" w:rsidRPr="000B46CF">
                    <w:rPr>
                      <w:rFonts w:asciiTheme="majorHAnsi" w:hAnsiTheme="majorHAnsi"/>
                    </w:rPr>
                    <w:t>that requires the development of a Transportation Asset Management Plan (TAMP)</w:t>
                  </w:r>
                  <w:r w:rsidRPr="000B46CF">
                    <w:rPr>
                      <w:rFonts w:asciiTheme="majorHAnsi" w:hAnsiTheme="majorHAnsi"/>
                    </w:rPr>
                    <w:t>,</w:t>
                  </w:r>
                  <w:r w:rsidR="00A00F51" w:rsidRPr="000B46CF">
                    <w:rPr>
                      <w:rFonts w:asciiTheme="majorHAnsi" w:hAnsiTheme="majorHAnsi"/>
                    </w:rPr>
                    <w:t xml:space="preserve"> and the implementation of Performance Management</w:t>
                  </w:r>
                  <w:r w:rsidR="0025726E">
                    <w:rPr>
                      <w:rFonts w:asciiTheme="majorHAnsi" w:hAnsiTheme="majorHAnsi"/>
                    </w:rPr>
                    <w:t xml:space="preserve">.  </w:t>
                  </w:r>
                  <w:r w:rsidR="00074EB2" w:rsidRPr="000B46CF">
                    <w:rPr>
                      <w:rFonts w:asciiTheme="majorHAnsi" w:hAnsiTheme="majorHAnsi"/>
                    </w:rPr>
                    <w:t>These regulations require all states to utilize nationally defined performance measures for pavement and bridges</w:t>
                  </w:r>
                  <w:r w:rsidR="00A00F51" w:rsidRPr="000B46CF">
                    <w:rPr>
                      <w:rFonts w:asciiTheme="majorHAnsi" w:hAnsiTheme="majorHAnsi"/>
                    </w:rPr>
                    <w:t xml:space="preserve"> on the National Highway System (NHS)</w:t>
                  </w:r>
                  <w:r w:rsidR="00074EB2" w:rsidRPr="000B46CF">
                    <w:rPr>
                      <w:rFonts w:asciiTheme="majorHAnsi" w:hAnsiTheme="majorHAnsi"/>
                    </w:rPr>
                    <w:t xml:space="preserve">. </w:t>
                  </w:r>
                  <w:r w:rsidR="00981C11" w:rsidRPr="000B46CF">
                    <w:rPr>
                      <w:rFonts w:asciiTheme="majorHAnsi" w:hAnsiTheme="majorHAnsi"/>
                    </w:rPr>
                    <w:t xml:space="preserve"> </w:t>
                  </w:r>
                  <w:r w:rsidR="00BF2733" w:rsidRPr="000B46CF">
                    <w:rPr>
                      <w:rFonts w:asciiTheme="majorHAnsi" w:hAnsiTheme="majorHAnsi"/>
                    </w:rPr>
                    <w:t xml:space="preserve">The </w:t>
                  </w:r>
                  <w:r w:rsidR="003E0009">
                    <w:rPr>
                      <w:rFonts w:asciiTheme="majorHAnsi" w:hAnsiTheme="majorHAnsi"/>
                    </w:rPr>
                    <w:t>Bridge and Pavement Performance Management (PM) F</w:t>
                  </w:r>
                  <w:r w:rsidR="00BF2733" w:rsidRPr="000B46CF">
                    <w:rPr>
                      <w:rFonts w:asciiTheme="majorHAnsi" w:hAnsiTheme="majorHAnsi"/>
                    </w:rPr>
                    <w:t xml:space="preserve">inal </w:t>
                  </w:r>
                  <w:r w:rsidR="003E0009">
                    <w:rPr>
                      <w:rFonts w:asciiTheme="majorHAnsi" w:hAnsiTheme="majorHAnsi"/>
                    </w:rPr>
                    <w:t>R</w:t>
                  </w:r>
                  <w:r w:rsidR="00BF2733" w:rsidRPr="000B46CF">
                    <w:rPr>
                      <w:rFonts w:asciiTheme="majorHAnsi" w:hAnsiTheme="majorHAnsi"/>
                    </w:rPr>
                    <w:t xml:space="preserve">ule, which is codified in </w:t>
                  </w:r>
                  <w:r w:rsidR="004D6E33" w:rsidRPr="000B46CF">
                    <w:rPr>
                      <w:rFonts w:asciiTheme="majorHAnsi" w:hAnsiTheme="majorHAnsi"/>
                    </w:rPr>
                    <w:t>23 Code of Federal Regulations Part 490,</w:t>
                  </w:r>
                  <w:r w:rsidR="00074EB2" w:rsidRPr="000B46CF">
                    <w:rPr>
                      <w:rFonts w:asciiTheme="majorHAnsi" w:hAnsiTheme="majorHAnsi"/>
                    </w:rPr>
                    <w:t xml:space="preserve"> defines the</w:t>
                  </w:r>
                  <w:r w:rsidR="00121877">
                    <w:rPr>
                      <w:rFonts w:asciiTheme="majorHAnsi" w:hAnsiTheme="majorHAnsi"/>
                    </w:rPr>
                    <w:t xml:space="preserve"> following</w:t>
                  </w:r>
                  <w:r w:rsidR="00074EB2" w:rsidRPr="000B46CF">
                    <w:rPr>
                      <w:rFonts w:asciiTheme="majorHAnsi" w:hAnsiTheme="majorHAnsi"/>
                    </w:rPr>
                    <w:t xml:space="preserve"> national performance measures for bridge and pavement</w:t>
                  </w:r>
                  <w:r w:rsidR="00121877">
                    <w:rPr>
                      <w:rFonts w:asciiTheme="majorHAnsi" w:hAnsiTheme="majorHAnsi"/>
                    </w:rPr>
                    <w:t>:</w:t>
                  </w:r>
                  <w:r w:rsidR="00074EB2" w:rsidRPr="000B46CF">
                    <w:rPr>
                      <w:rFonts w:asciiTheme="majorHAnsi" w:hAnsiTheme="majorHAnsi"/>
                    </w:rPr>
                    <w:t xml:space="preserve"> </w:t>
                  </w:r>
                </w:p>
                <w:p w14:paraId="45FD7868" w14:textId="3DF10D46" w:rsidR="00F56ADF" w:rsidRPr="003F42B7" w:rsidRDefault="00F56ADF" w:rsidP="0005742E">
                  <w:pPr>
                    <w:pStyle w:val="ListParagraph"/>
                    <w:numPr>
                      <w:ilvl w:val="0"/>
                      <w:numId w:val="15"/>
                    </w:numPr>
                    <w:autoSpaceDE w:val="0"/>
                    <w:autoSpaceDN w:val="0"/>
                    <w:adjustRightInd w:val="0"/>
                    <w:spacing w:before="120" w:after="0"/>
                    <w:rPr>
                      <w:rFonts w:asciiTheme="majorHAnsi" w:eastAsiaTheme="majorEastAsia" w:hAnsiTheme="majorHAnsi" w:cstheme="majorBidi"/>
                      <w:b/>
                    </w:rPr>
                  </w:pPr>
                  <w:r w:rsidRPr="003F42B7">
                    <w:rPr>
                      <w:rFonts w:asciiTheme="majorHAnsi" w:eastAsiaTheme="majorEastAsia" w:hAnsiTheme="majorHAnsi" w:cstheme="majorBidi"/>
                      <w:b/>
                    </w:rPr>
                    <w:t xml:space="preserve">Pavement </w:t>
                  </w:r>
                </w:p>
                <w:p w14:paraId="63971C2E" w14:textId="4BE03492" w:rsidR="00F56ADF" w:rsidRPr="00BE2F02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 xml:space="preserve">Percentage </w:t>
                  </w:r>
                  <w:r w:rsidR="00F56ADF"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 xml:space="preserve">of </w:t>
                  </w: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Interstate pavements in Good condition</w:t>
                  </w:r>
                </w:p>
                <w:p w14:paraId="7EA5CE65" w14:textId="2958B9E4" w:rsidR="00B12A67" w:rsidRPr="00BE2F02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Percentage of Interstate pavements in Poor condition</w:t>
                  </w:r>
                </w:p>
                <w:p w14:paraId="78BA9775" w14:textId="6AF51F61" w:rsidR="00B12A67" w:rsidRPr="00BE2F02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Percentage of non-Interstate NHS pavements in Good condition</w:t>
                  </w:r>
                </w:p>
                <w:p w14:paraId="735534A4" w14:textId="791ACAAD" w:rsidR="00B12A67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Percentage of non-Interstate NHS pavements in Poor condition</w:t>
                  </w:r>
                </w:p>
                <w:p w14:paraId="56051E34" w14:textId="77777777" w:rsidR="0005742E" w:rsidRPr="0005742E" w:rsidRDefault="0005742E" w:rsidP="0005742E">
                  <w:pPr>
                    <w:pStyle w:val="ListParagraph"/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b/>
                      <w:sz w:val="12"/>
                      <w:szCs w:val="12"/>
                    </w:rPr>
                  </w:pPr>
                </w:p>
                <w:p w14:paraId="3721042D" w14:textId="08AA08AB" w:rsidR="00F56ADF" w:rsidRPr="003F42B7" w:rsidRDefault="00F56ADF" w:rsidP="0005742E">
                  <w:pPr>
                    <w:pStyle w:val="ListParagraph"/>
                    <w:numPr>
                      <w:ilvl w:val="0"/>
                      <w:numId w:val="15"/>
                    </w:numPr>
                    <w:autoSpaceDE w:val="0"/>
                    <w:autoSpaceDN w:val="0"/>
                    <w:adjustRightInd w:val="0"/>
                    <w:spacing w:before="120" w:after="0"/>
                    <w:rPr>
                      <w:rFonts w:asciiTheme="majorHAnsi" w:eastAsiaTheme="majorEastAsia" w:hAnsiTheme="majorHAnsi" w:cstheme="majorBidi"/>
                      <w:b/>
                    </w:rPr>
                  </w:pPr>
                  <w:r w:rsidRPr="003F42B7">
                    <w:rPr>
                      <w:rFonts w:asciiTheme="majorHAnsi" w:eastAsiaTheme="majorEastAsia" w:hAnsiTheme="majorHAnsi" w:cstheme="majorBidi"/>
                      <w:b/>
                    </w:rPr>
                    <w:t>Bridge</w:t>
                  </w:r>
                </w:p>
                <w:p w14:paraId="28010E5E" w14:textId="2834169F" w:rsidR="00F56ADF" w:rsidRPr="00BE2F02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Percentage of NHS bridges in Good condition</w:t>
                  </w:r>
                </w:p>
                <w:p w14:paraId="2B96D86A" w14:textId="1875606E" w:rsidR="00B12A67" w:rsidRPr="00BE2F02" w:rsidRDefault="00B12A67" w:rsidP="003F42B7">
                  <w:pPr>
                    <w:pStyle w:val="ListParagraph"/>
                    <w:numPr>
                      <w:ilvl w:val="1"/>
                      <w:numId w:val="15"/>
                    </w:numPr>
                    <w:autoSpaceDE w:val="0"/>
                    <w:autoSpaceDN w:val="0"/>
                    <w:adjustRightInd w:val="0"/>
                    <w:spacing w:after="0"/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</w:pPr>
                  <w:r w:rsidRPr="00BE2F02">
                    <w:rPr>
                      <w:rFonts w:asciiTheme="majorHAnsi" w:eastAsiaTheme="majorEastAsia" w:hAnsiTheme="majorHAnsi" w:cstheme="majorBidi"/>
                      <w:sz w:val="24"/>
                      <w:szCs w:val="24"/>
                      <w:lang w:eastAsia="ja-JP"/>
                    </w:rPr>
                    <w:t>Percentage of NHS bridges in Poor condition</w:t>
                  </w:r>
                </w:p>
                <w:p w14:paraId="319424D5" w14:textId="77777777" w:rsidR="00B12A67" w:rsidRPr="00B12A67" w:rsidRDefault="00B12A67" w:rsidP="00B12A67">
                  <w:pPr>
                    <w:pStyle w:val="ListParagraph"/>
                    <w:autoSpaceDE w:val="0"/>
                    <w:autoSpaceDN w:val="0"/>
                    <w:adjustRightInd w:val="0"/>
                    <w:spacing w:after="0"/>
                    <w:rPr>
                      <w:rFonts w:asciiTheme="majorHAnsi" w:hAnsiTheme="majorHAnsi"/>
                    </w:rPr>
                  </w:pPr>
                </w:p>
                <w:p w14:paraId="3464A7C7" w14:textId="08F310FE" w:rsidR="000B46CF" w:rsidRPr="00121877" w:rsidRDefault="003E0009" w:rsidP="000B46CF">
                  <w:pPr>
                    <w:pStyle w:val="Heading3"/>
                    <w:spacing w:before="0"/>
                    <w:ind w:right="90"/>
                    <w:outlineLvl w:val="2"/>
                    <w:rPr>
                      <w:color w:val="auto"/>
                      <w:sz w:val="24"/>
                    </w:rPr>
                  </w:pPr>
                  <w:bookmarkStart w:id="0" w:name="_Toc445367378"/>
                  <w:r>
                    <w:rPr>
                      <w:rFonts w:eastAsiaTheme="minorEastAsia" w:cstheme="minorBidi"/>
                      <w:color w:val="auto"/>
                      <w:sz w:val="24"/>
                    </w:rPr>
                    <w:t>Th</w:t>
                  </w:r>
                  <w:r w:rsidRPr="003E0009">
                    <w:rPr>
                      <w:rFonts w:eastAsiaTheme="minorEastAsia" w:cstheme="minorBidi"/>
                      <w:color w:val="auto"/>
                      <w:sz w:val="24"/>
                    </w:rPr>
                    <w:t xml:space="preserve">e Bridge and Pavement </w:t>
                  </w:r>
                  <w:r>
                    <w:rPr>
                      <w:rFonts w:eastAsiaTheme="minorEastAsia" w:cstheme="minorBidi"/>
                      <w:color w:val="auto"/>
                      <w:sz w:val="24"/>
                    </w:rPr>
                    <w:t>P</w:t>
                  </w:r>
                  <w:r w:rsidRPr="003E0009">
                    <w:rPr>
                      <w:rFonts w:eastAsiaTheme="minorEastAsia" w:cstheme="minorBidi"/>
                      <w:color w:val="auto"/>
                      <w:sz w:val="24"/>
                    </w:rPr>
                    <w:t>M Final Rule</w:t>
                  </w:r>
                  <w:r w:rsidR="00C475B1">
                    <w:rPr>
                      <w:rFonts w:eastAsiaTheme="minorEastAsia" w:cstheme="minorBidi"/>
                      <w:color w:val="auto"/>
                      <w:sz w:val="24"/>
                    </w:rPr>
                    <w:t xml:space="preserve"> establishes the process for </w:t>
                  </w:r>
                  <w:r>
                    <w:rPr>
                      <w:rFonts w:eastAsiaTheme="minorEastAsia" w:cstheme="minorBidi"/>
                      <w:color w:val="auto"/>
                      <w:sz w:val="24"/>
                    </w:rPr>
                    <w:t>State Departments of Transportation</w:t>
                  </w:r>
                  <w:r w:rsidR="00FC1610">
                    <w:rPr>
                      <w:rFonts w:eastAsiaTheme="minorEastAsia" w:cstheme="minorBidi"/>
                      <w:color w:val="auto"/>
                      <w:sz w:val="24"/>
                    </w:rPr>
                    <w:t xml:space="preserve"> (DOTs)</w:t>
                  </w:r>
                  <w:r>
                    <w:rPr>
                      <w:rFonts w:eastAsiaTheme="minorEastAsia" w:cstheme="minorBidi"/>
                      <w:color w:val="auto"/>
                      <w:sz w:val="24"/>
                    </w:rPr>
                    <w:t xml:space="preserve"> and </w:t>
                  </w:r>
                  <w:r>
                    <w:rPr>
                      <w:color w:val="auto"/>
                      <w:sz w:val="24"/>
                    </w:rPr>
                    <w:t xml:space="preserve">Metropolitan Planning Organizations (MPOs) </w:t>
                  </w:r>
                  <w:r w:rsidR="00C475B1">
                    <w:rPr>
                      <w:color w:val="auto"/>
                      <w:sz w:val="24"/>
                    </w:rPr>
                    <w:t xml:space="preserve">to </w:t>
                  </w:r>
                  <w:r>
                    <w:rPr>
                      <w:color w:val="auto"/>
                      <w:sz w:val="24"/>
                    </w:rPr>
                    <w:t xml:space="preserve">establish </w:t>
                  </w:r>
                  <w:r w:rsidR="00C475B1">
                    <w:rPr>
                      <w:color w:val="auto"/>
                      <w:sz w:val="24"/>
                    </w:rPr>
                    <w:t xml:space="preserve">and report their bridge and pavement targets, and the process </w:t>
                  </w:r>
                  <w:r w:rsidR="00C475B1" w:rsidRPr="003F42B7">
                    <w:rPr>
                      <w:color w:val="auto"/>
                      <w:sz w:val="24"/>
                    </w:rPr>
                    <w:t>that</w:t>
                  </w:r>
                  <w:r w:rsidR="003F42B7" w:rsidRPr="003F42B7">
                    <w:rPr>
                      <w:rFonts w:ascii="Century Gothic" w:eastAsia="Times New Roman" w:hAnsi="Century Gothic" w:cs="Times New Roman"/>
                      <w:color w:val="auto"/>
                      <w:sz w:val="24"/>
                    </w:rPr>
                    <w:t xml:space="preserve"> </w:t>
                  </w:r>
                  <w:r w:rsidR="003F42B7">
                    <w:rPr>
                      <w:rFonts w:ascii="Century Gothic" w:eastAsia="Times New Roman" w:hAnsi="Century Gothic" w:cs="Times New Roman"/>
                      <w:color w:val="auto"/>
                      <w:sz w:val="24"/>
                    </w:rPr>
                    <w:t xml:space="preserve">the </w:t>
                  </w:r>
                  <w:r w:rsidR="003F42B7" w:rsidRPr="003F42B7">
                    <w:rPr>
                      <w:rFonts w:ascii="Century Gothic" w:eastAsia="Times New Roman" w:hAnsi="Century Gothic" w:cs="Times New Roman"/>
                      <w:color w:val="auto"/>
                      <w:sz w:val="24"/>
                    </w:rPr>
                    <w:t>Federal Highway Administration</w:t>
                  </w:r>
                  <w:r w:rsidR="00C475B1" w:rsidRPr="003F42B7">
                    <w:rPr>
                      <w:color w:val="auto"/>
                      <w:sz w:val="24"/>
                    </w:rPr>
                    <w:t xml:space="preserve"> </w:t>
                  </w:r>
                  <w:r w:rsidR="003F42B7">
                    <w:rPr>
                      <w:color w:val="auto"/>
                      <w:sz w:val="24"/>
                    </w:rPr>
                    <w:t>(</w:t>
                  </w:r>
                  <w:r w:rsidR="00C475B1" w:rsidRPr="003F42B7">
                    <w:rPr>
                      <w:color w:val="auto"/>
                      <w:sz w:val="24"/>
                    </w:rPr>
                    <w:t>FHWA</w:t>
                  </w:r>
                  <w:r w:rsidR="003F42B7">
                    <w:rPr>
                      <w:color w:val="auto"/>
                      <w:sz w:val="24"/>
                    </w:rPr>
                    <w:t>)</w:t>
                  </w:r>
                  <w:r w:rsidR="00C475B1" w:rsidRPr="003F42B7">
                    <w:rPr>
                      <w:color w:val="auto"/>
                      <w:sz w:val="24"/>
                    </w:rPr>
                    <w:t xml:space="preserve"> will use to assess whether State DOTs have met or made </w:t>
                  </w:r>
                  <w:r w:rsidR="00C475B1">
                    <w:rPr>
                      <w:color w:val="auto"/>
                      <w:sz w:val="24"/>
                    </w:rPr>
                    <w:t xml:space="preserve">significant progress toward meeting their targets. </w:t>
                  </w:r>
                </w:p>
                <w:p w14:paraId="3E330D3C" w14:textId="77777777" w:rsidR="008B2482" w:rsidRPr="003F42B7" w:rsidRDefault="008B2482" w:rsidP="003F42B7"/>
                <w:p w14:paraId="14855004" w14:textId="5E701ECE" w:rsidR="000B46CF" w:rsidRPr="000B46CF" w:rsidRDefault="0005742E" w:rsidP="008D316E">
                  <w:pPr>
                    <w:pStyle w:val="Heading2"/>
                  </w:pPr>
                  <w:r>
                    <w:t>Important Dates/</w:t>
                  </w:r>
                  <w:r w:rsidR="000B46CF" w:rsidRPr="000B46CF">
                    <w:t>Deadlines:</w:t>
                  </w:r>
                </w:p>
                <w:p w14:paraId="077643E6" w14:textId="6E2BD506" w:rsidR="00BE2F02" w:rsidRDefault="003F42B7" w:rsidP="003A100D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  <w:r>
                    <w:rPr>
                      <w:rFonts w:asciiTheme="majorHAnsi" w:hAnsiTheme="majorHAnsi"/>
                    </w:rPr>
                    <w:t>The California Department of Transportation (</w:t>
                  </w:r>
                  <w:r w:rsidR="000461E2">
                    <w:rPr>
                      <w:rFonts w:asciiTheme="majorHAnsi" w:hAnsiTheme="majorHAnsi"/>
                    </w:rPr>
                    <w:t>Caltrans</w:t>
                  </w:r>
                  <w:r>
                    <w:rPr>
                      <w:rFonts w:asciiTheme="majorHAnsi" w:hAnsiTheme="majorHAnsi"/>
                    </w:rPr>
                    <w:t>)</w:t>
                  </w:r>
                  <w:r w:rsidR="000461E2">
                    <w:rPr>
                      <w:rFonts w:asciiTheme="majorHAnsi" w:hAnsiTheme="majorHAnsi"/>
                    </w:rPr>
                    <w:t xml:space="preserve"> expects </w:t>
                  </w:r>
                  <w:r w:rsidR="00BE2F02">
                    <w:rPr>
                      <w:rFonts w:asciiTheme="majorHAnsi" w:hAnsiTheme="majorHAnsi"/>
                    </w:rPr>
                    <w:t>to formally establish brid</w:t>
                  </w:r>
                  <w:r w:rsidR="00017BFB">
                    <w:rPr>
                      <w:rFonts w:asciiTheme="majorHAnsi" w:hAnsiTheme="majorHAnsi"/>
                    </w:rPr>
                    <w:t>ge and pavement targets in</w:t>
                  </w:r>
                  <w:r w:rsidR="00C475B1">
                    <w:rPr>
                      <w:rFonts w:asciiTheme="majorHAnsi" w:hAnsiTheme="majorHAnsi"/>
                    </w:rPr>
                    <w:t xml:space="preserve"> </w:t>
                  </w:r>
                  <w:r>
                    <w:rPr>
                      <w:rFonts w:asciiTheme="majorHAnsi" w:hAnsiTheme="majorHAnsi"/>
                    </w:rPr>
                    <w:t xml:space="preserve">June 2017.  </w:t>
                  </w:r>
                  <w:r w:rsidR="00017BFB">
                    <w:rPr>
                      <w:rFonts w:asciiTheme="majorHAnsi" w:hAnsiTheme="majorHAnsi"/>
                    </w:rPr>
                    <w:t xml:space="preserve">MPOs will have 180 days after Caltrans establishes their targets, to either support Caltrans’ </w:t>
                  </w:r>
                  <w:r w:rsidR="00FB3255">
                    <w:rPr>
                      <w:rFonts w:asciiTheme="majorHAnsi" w:hAnsiTheme="majorHAnsi"/>
                    </w:rPr>
                    <w:t>targets or establish their own (December 2018).</w:t>
                  </w:r>
                </w:p>
                <w:p w14:paraId="228F9DE8" w14:textId="77777777" w:rsidR="00BE2F02" w:rsidRDefault="00BE2F02" w:rsidP="003A100D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</w:p>
                <w:p w14:paraId="0471719C" w14:textId="2E3020BF" w:rsidR="003A100D" w:rsidRDefault="00017BFB" w:rsidP="003A100D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  <w:r>
                    <w:rPr>
                      <w:rFonts w:asciiTheme="majorHAnsi" w:hAnsiTheme="majorHAnsi"/>
                    </w:rPr>
                    <w:t xml:space="preserve">Caltrans intends to </w:t>
                  </w:r>
                  <w:r w:rsidR="000461E2">
                    <w:rPr>
                      <w:rFonts w:asciiTheme="majorHAnsi" w:hAnsiTheme="majorHAnsi"/>
                    </w:rPr>
                    <w:t xml:space="preserve">include the </w:t>
                  </w:r>
                  <w:r w:rsidR="00BE2F02">
                    <w:rPr>
                      <w:rFonts w:asciiTheme="majorHAnsi" w:hAnsiTheme="majorHAnsi"/>
                    </w:rPr>
                    <w:t>b</w:t>
                  </w:r>
                  <w:r w:rsidR="003A100D" w:rsidRPr="000B46CF">
                    <w:rPr>
                      <w:rFonts w:asciiTheme="majorHAnsi" w:hAnsiTheme="majorHAnsi"/>
                    </w:rPr>
                    <w:t>ridge and pavement performance targets</w:t>
                  </w:r>
                  <w:r>
                    <w:rPr>
                      <w:rFonts w:asciiTheme="majorHAnsi" w:hAnsiTheme="majorHAnsi"/>
                    </w:rPr>
                    <w:t xml:space="preserve"> </w:t>
                  </w:r>
                  <w:r w:rsidR="000461E2">
                    <w:rPr>
                      <w:rFonts w:asciiTheme="majorHAnsi" w:hAnsiTheme="majorHAnsi"/>
                    </w:rPr>
                    <w:t>in t</w:t>
                  </w:r>
                  <w:r w:rsidR="003A100D" w:rsidRPr="000B46CF">
                    <w:rPr>
                      <w:rFonts w:asciiTheme="majorHAnsi" w:hAnsiTheme="majorHAnsi"/>
                    </w:rPr>
                    <w:t xml:space="preserve">he initial TAMP, which </w:t>
                  </w:r>
                  <w:r w:rsidR="000461E2">
                    <w:rPr>
                      <w:rFonts w:asciiTheme="majorHAnsi" w:hAnsiTheme="majorHAnsi"/>
                    </w:rPr>
                    <w:t xml:space="preserve">must be </w:t>
                  </w:r>
                  <w:r w:rsidR="003A100D" w:rsidRPr="000B46CF">
                    <w:rPr>
                      <w:rFonts w:asciiTheme="majorHAnsi" w:hAnsiTheme="majorHAnsi"/>
                    </w:rPr>
                    <w:t>submit</w:t>
                  </w:r>
                  <w:r w:rsidR="000461E2">
                    <w:rPr>
                      <w:rFonts w:asciiTheme="majorHAnsi" w:hAnsiTheme="majorHAnsi"/>
                    </w:rPr>
                    <w:t>ted</w:t>
                  </w:r>
                  <w:r w:rsidR="003A100D" w:rsidRPr="000B46CF">
                    <w:rPr>
                      <w:rFonts w:asciiTheme="majorHAnsi" w:hAnsiTheme="majorHAnsi"/>
                    </w:rPr>
                    <w:t xml:space="preserve"> to </w:t>
                  </w:r>
                  <w:r w:rsidR="00121877">
                    <w:rPr>
                      <w:rFonts w:asciiTheme="majorHAnsi" w:hAnsiTheme="majorHAnsi"/>
                    </w:rPr>
                    <w:t>the F</w:t>
                  </w:r>
                  <w:r w:rsidR="003A100D" w:rsidRPr="000B46CF">
                    <w:rPr>
                      <w:rFonts w:asciiTheme="majorHAnsi" w:hAnsiTheme="majorHAnsi"/>
                    </w:rPr>
                    <w:t xml:space="preserve">HWA by April 30, 2018. </w:t>
                  </w:r>
                </w:p>
                <w:p w14:paraId="2416C4F5" w14:textId="77777777" w:rsidR="000B46CF" w:rsidRPr="000B46CF" w:rsidRDefault="000B46CF" w:rsidP="000B46CF">
                  <w:pPr>
                    <w:pStyle w:val="Heading3"/>
                    <w:spacing w:before="0"/>
                    <w:ind w:right="90"/>
                    <w:outlineLvl w:val="2"/>
                    <w:rPr>
                      <w:b/>
                      <w:color w:val="auto"/>
                      <w:sz w:val="24"/>
                      <w:u w:val="single"/>
                    </w:rPr>
                  </w:pPr>
                </w:p>
                <w:p w14:paraId="188EBC01" w14:textId="77777777" w:rsidR="000B46CF" w:rsidRPr="000B46CF" w:rsidRDefault="000B46CF" w:rsidP="008D316E">
                  <w:pPr>
                    <w:pStyle w:val="Heading2"/>
                  </w:pPr>
                  <w:r w:rsidRPr="000B46CF">
                    <w:t>Stakeholders:</w:t>
                  </w:r>
                </w:p>
                <w:p w14:paraId="1F8DCA88" w14:textId="502644D4" w:rsidR="00121877" w:rsidRPr="00121877" w:rsidRDefault="003F42B7" w:rsidP="000B46CF">
                  <w:r>
                    <w:t>Caltrans</w:t>
                  </w:r>
                  <w:r w:rsidR="00121877" w:rsidRPr="00121877">
                    <w:t xml:space="preserve"> will </w:t>
                  </w:r>
                  <w:r w:rsidR="00C575C0">
                    <w:t xml:space="preserve">be </w:t>
                  </w:r>
                  <w:r w:rsidR="00121877" w:rsidRPr="00121877">
                    <w:t>coordinat</w:t>
                  </w:r>
                  <w:r w:rsidR="00C575C0">
                    <w:t>ing</w:t>
                  </w:r>
                  <w:r w:rsidR="00121877" w:rsidRPr="00121877">
                    <w:t xml:space="preserve"> target setting efforts with the following stakeholders:</w:t>
                  </w:r>
                </w:p>
                <w:p w14:paraId="532B29D0" w14:textId="6A0D4F2B" w:rsidR="00121877" w:rsidRPr="007231AC" w:rsidRDefault="00C575C0" w:rsidP="00121877">
                  <w:pPr>
                    <w:pStyle w:val="ListParagraph"/>
                    <w:numPr>
                      <w:ilvl w:val="0"/>
                      <w:numId w:val="16"/>
                    </w:numPr>
                    <w:spacing w:after="0"/>
                    <w:rPr>
                      <w:rFonts w:eastAsiaTheme="minorEastAsia"/>
                      <w:sz w:val="24"/>
                      <w:szCs w:val="24"/>
                      <w:lang w:eastAsia="ja-JP"/>
                    </w:rPr>
                  </w:pPr>
                  <w:r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MPOs</w:t>
                  </w:r>
                  <w:r w:rsidR="00121877" w:rsidRPr="007231AC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 xml:space="preserve"> and Rural Transportation Planning </w:t>
                  </w:r>
                  <w:r w:rsidR="00B047C4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Agencies</w:t>
                  </w:r>
                  <w:r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 xml:space="preserve"> (RTPAs)</w:t>
                  </w:r>
                </w:p>
                <w:p w14:paraId="39F0023B" w14:textId="77777777" w:rsidR="00121877" w:rsidRPr="007231AC" w:rsidRDefault="00121877" w:rsidP="00121877">
                  <w:pPr>
                    <w:pStyle w:val="ListParagraph"/>
                    <w:numPr>
                      <w:ilvl w:val="0"/>
                      <w:numId w:val="16"/>
                    </w:numPr>
                    <w:spacing w:after="0"/>
                    <w:rPr>
                      <w:rFonts w:eastAsiaTheme="minorEastAsia"/>
                      <w:sz w:val="24"/>
                      <w:szCs w:val="24"/>
                      <w:lang w:eastAsia="ja-JP"/>
                    </w:rPr>
                  </w:pPr>
                  <w:r w:rsidRPr="007231AC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Cities and Counties</w:t>
                  </w:r>
                </w:p>
                <w:p w14:paraId="54922BFA" w14:textId="77777777" w:rsidR="00121877" w:rsidRDefault="00121877" w:rsidP="00121877">
                  <w:pPr>
                    <w:pStyle w:val="ListParagraph"/>
                    <w:numPr>
                      <w:ilvl w:val="0"/>
                      <w:numId w:val="16"/>
                    </w:numPr>
                    <w:spacing w:after="0"/>
                    <w:rPr>
                      <w:rFonts w:eastAsiaTheme="minorEastAsia"/>
                      <w:sz w:val="24"/>
                      <w:szCs w:val="24"/>
                      <w:lang w:eastAsia="ja-JP"/>
                    </w:rPr>
                  </w:pPr>
                  <w:r w:rsidRPr="007231AC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Tribal Governments</w:t>
                  </w:r>
                </w:p>
                <w:p w14:paraId="06ADE818" w14:textId="4D6C8F95" w:rsidR="00121877" w:rsidRDefault="003F42B7" w:rsidP="00121877">
                  <w:pPr>
                    <w:pStyle w:val="ListParagraph"/>
                    <w:numPr>
                      <w:ilvl w:val="0"/>
                      <w:numId w:val="16"/>
                    </w:numPr>
                    <w:spacing w:after="0"/>
                    <w:rPr>
                      <w:rFonts w:eastAsiaTheme="minorEastAsia"/>
                      <w:sz w:val="24"/>
                      <w:szCs w:val="24"/>
                      <w:lang w:eastAsia="ja-JP"/>
                    </w:rPr>
                  </w:pPr>
                  <w:r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lastRenderedPageBreak/>
                    <w:t xml:space="preserve">The </w:t>
                  </w:r>
                  <w:r w:rsidR="00121877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California Trans</w:t>
                  </w:r>
                  <w:r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portation Commission (CTC</w:t>
                  </w:r>
                  <w:r w:rsidR="00121877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)</w:t>
                  </w:r>
                </w:p>
                <w:p w14:paraId="58ADA521" w14:textId="77777777" w:rsidR="00121877" w:rsidRPr="007231AC" w:rsidRDefault="00121877" w:rsidP="00121877">
                  <w:pPr>
                    <w:pStyle w:val="ListParagraph"/>
                    <w:numPr>
                      <w:ilvl w:val="0"/>
                      <w:numId w:val="16"/>
                    </w:numPr>
                    <w:spacing w:after="0"/>
                    <w:rPr>
                      <w:rFonts w:eastAsiaTheme="minorEastAsia"/>
                      <w:sz w:val="24"/>
                      <w:szCs w:val="24"/>
                      <w:lang w:eastAsia="ja-JP"/>
                    </w:rPr>
                  </w:pPr>
                  <w:r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>FHWA</w:t>
                  </w:r>
                  <w:r w:rsidRPr="007231AC">
                    <w:rPr>
                      <w:rFonts w:eastAsiaTheme="minorEastAsia"/>
                      <w:sz w:val="24"/>
                      <w:szCs w:val="24"/>
                      <w:lang w:eastAsia="ja-JP"/>
                    </w:rPr>
                    <w:t xml:space="preserve"> </w:t>
                  </w:r>
                </w:p>
                <w:p w14:paraId="45F3C35F" w14:textId="77777777" w:rsidR="000B46CF" w:rsidRPr="000B46CF" w:rsidRDefault="000B46CF" w:rsidP="000B46CF"/>
                <w:p w14:paraId="339ADBE5" w14:textId="77777777" w:rsidR="000B46CF" w:rsidRPr="000B46CF" w:rsidRDefault="000B46CF" w:rsidP="008D316E">
                  <w:pPr>
                    <w:pStyle w:val="Heading2"/>
                  </w:pPr>
                  <w:r w:rsidRPr="000B46CF">
                    <w:t>Major Issues:</w:t>
                  </w:r>
                </w:p>
                <w:p w14:paraId="52A706E1" w14:textId="58CD228A" w:rsidR="003A100D" w:rsidRDefault="003A100D" w:rsidP="003A100D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  <w:r w:rsidRPr="000B46CF">
                    <w:rPr>
                      <w:rFonts w:asciiTheme="majorHAnsi" w:hAnsiTheme="majorHAnsi"/>
                    </w:rPr>
                    <w:t>Under MAP-21 regulations, the performance metrics of good, fair, poor for pavements differ from the metrics of Pavement Condition Index (PCI)</w:t>
                  </w:r>
                  <w:r w:rsidR="00C575C0">
                    <w:rPr>
                      <w:rFonts w:asciiTheme="majorHAnsi" w:hAnsiTheme="majorHAnsi"/>
                    </w:rPr>
                    <w:t xml:space="preserve"> used by our external partners.  </w:t>
                  </w:r>
                  <w:r w:rsidRPr="000B46CF">
                    <w:rPr>
                      <w:rFonts w:asciiTheme="majorHAnsi" w:hAnsiTheme="majorHAnsi"/>
                    </w:rPr>
                    <w:t>Caltrans</w:t>
                  </w:r>
                  <w:r w:rsidR="00C575C0">
                    <w:rPr>
                      <w:rFonts w:asciiTheme="majorHAnsi" w:hAnsiTheme="majorHAnsi"/>
                    </w:rPr>
                    <w:t xml:space="preserve"> is working with FHWA</w:t>
                  </w:r>
                  <w:r w:rsidRPr="000B46CF">
                    <w:rPr>
                      <w:rFonts w:asciiTheme="majorHAnsi" w:hAnsiTheme="majorHAnsi"/>
                    </w:rPr>
                    <w:t xml:space="preserve"> </w:t>
                  </w:r>
                  <w:r w:rsidR="000461E2">
                    <w:rPr>
                      <w:rFonts w:asciiTheme="majorHAnsi" w:hAnsiTheme="majorHAnsi"/>
                    </w:rPr>
                    <w:t>an</w:t>
                  </w:r>
                  <w:r w:rsidR="00C575C0">
                    <w:rPr>
                      <w:rFonts w:asciiTheme="majorHAnsi" w:hAnsiTheme="majorHAnsi"/>
                    </w:rPr>
                    <w:t xml:space="preserve">d our </w:t>
                  </w:r>
                  <w:r w:rsidR="000461E2">
                    <w:rPr>
                      <w:rFonts w:asciiTheme="majorHAnsi" w:hAnsiTheme="majorHAnsi"/>
                    </w:rPr>
                    <w:t xml:space="preserve">partners to explore the possibility of </w:t>
                  </w:r>
                  <w:r w:rsidRPr="000B46CF">
                    <w:rPr>
                      <w:rFonts w:asciiTheme="majorHAnsi" w:hAnsiTheme="majorHAnsi"/>
                    </w:rPr>
                    <w:t>creat</w:t>
                  </w:r>
                  <w:r w:rsidR="000461E2">
                    <w:rPr>
                      <w:rFonts w:asciiTheme="majorHAnsi" w:hAnsiTheme="majorHAnsi"/>
                    </w:rPr>
                    <w:t>ing</w:t>
                  </w:r>
                  <w:r w:rsidRPr="000B46CF">
                    <w:rPr>
                      <w:rFonts w:asciiTheme="majorHAnsi" w:hAnsiTheme="majorHAnsi"/>
                    </w:rPr>
                    <w:t xml:space="preserve"> a crosswalk for converting PCI to good, fair, poor condition.</w:t>
                  </w:r>
                  <w:r w:rsidR="000461E2">
                    <w:rPr>
                      <w:rFonts w:asciiTheme="majorHAnsi" w:hAnsiTheme="majorHAnsi"/>
                    </w:rPr>
                    <w:t xml:space="preserve"> </w:t>
                  </w:r>
                  <w:r w:rsidR="003F42B7">
                    <w:rPr>
                      <w:rFonts w:asciiTheme="majorHAnsi" w:hAnsiTheme="majorHAnsi"/>
                    </w:rPr>
                    <w:t xml:space="preserve"> </w:t>
                  </w:r>
                  <w:r w:rsidR="000461E2">
                    <w:rPr>
                      <w:rFonts w:asciiTheme="majorHAnsi" w:hAnsiTheme="majorHAnsi"/>
                    </w:rPr>
                    <w:t xml:space="preserve">No such crosswalk currently exists anywhere in the nation and it may not be possible to develop. </w:t>
                  </w:r>
                  <w:r w:rsidRPr="000B46CF">
                    <w:rPr>
                      <w:rFonts w:asciiTheme="majorHAnsi" w:hAnsiTheme="majorHAnsi"/>
                    </w:rPr>
                    <w:t xml:space="preserve">  </w:t>
                  </w:r>
                </w:p>
                <w:p w14:paraId="35106A96" w14:textId="77777777" w:rsidR="003F42B7" w:rsidRPr="000B46CF" w:rsidRDefault="003F42B7" w:rsidP="003A100D">
                  <w:pPr>
                    <w:autoSpaceDE w:val="0"/>
                    <w:autoSpaceDN w:val="0"/>
                    <w:adjustRightInd w:val="0"/>
                    <w:rPr>
                      <w:rFonts w:asciiTheme="majorHAnsi" w:hAnsiTheme="majorHAnsi"/>
                    </w:rPr>
                  </w:pPr>
                </w:p>
                <w:bookmarkEnd w:id="0"/>
                <w:p w14:paraId="35C3FA04" w14:textId="77777777" w:rsidR="000B46CF" w:rsidRPr="000B46CF" w:rsidRDefault="000B46CF" w:rsidP="008D316E">
                  <w:pPr>
                    <w:pStyle w:val="Heading2"/>
                  </w:pPr>
                  <w:r w:rsidRPr="000B46CF">
                    <w:t>Facilitation and Technical Support:</w:t>
                  </w:r>
                </w:p>
                <w:p w14:paraId="49E221FB" w14:textId="617BDE77" w:rsidR="000461E2" w:rsidRDefault="00017BFB" w:rsidP="003F42B7">
                  <w:pPr>
                    <w:ind w:right="90"/>
                    <w:rPr>
                      <w:rFonts w:asciiTheme="majorHAnsi" w:hAnsiTheme="majorHAnsi"/>
                    </w:rPr>
                  </w:pPr>
                  <w:r>
                    <w:rPr>
                      <w:rFonts w:asciiTheme="majorHAnsi" w:hAnsiTheme="majorHAnsi"/>
                    </w:rPr>
                    <w:t>Caltrans is coordinating with Performance Measure 3 (PM3) and a consultant to conduct target setting efforts.</w:t>
                  </w:r>
                </w:p>
                <w:p w14:paraId="033E7AC5" w14:textId="77777777" w:rsidR="000461E2" w:rsidRPr="000B46CF" w:rsidRDefault="000461E2" w:rsidP="000B46CF">
                  <w:pPr>
                    <w:ind w:right="90"/>
                    <w:rPr>
                      <w:rFonts w:asciiTheme="majorHAnsi" w:hAnsiTheme="majorHAnsi"/>
                    </w:rPr>
                  </w:pPr>
                </w:p>
                <w:p w14:paraId="3230E420" w14:textId="77777777" w:rsidR="000B46CF" w:rsidRDefault="000B46CF" w:rsidP="008D316E">
                  <w:pPr>
                    <w:pStyle w:val="Heading2"/>
                  </w:pPr>
                  <w:r w:rsidRPr="000B46CF">
                    <w:t>Engagement Timeline:</w:t>
                  </w:r>
                </w:p>
                <w:p w14:paraId="78A00DEF" w14:textId="21E9D87F" w:rsidR="00B047C4" w:rsidRDefault="00B047C4" w:rsidP="00B047C4">
                  <w:r w:rsidRPr="009B2381">
                    <w:t>In order to engage our par</w:t>
                  </w:r>
                  <w:r>
                    <w:t>tners in the target setting process,</w:t>
                  </w:r>
                  <w:r w:rsidRPr="009B2381">
                    <w:t xml:space="preserve"> Caltrans has or is conducting the following outreach efforts:</w:t>
                  </w:r>
                </w:p>
                <w:p w14:paraId="2F438037" w14:textId="77777777" w:rsidR="00B047C4" w:rsidRPr="009B2381" w:rsidRDefault="00B047C4" w:rsidP="00B047C4"/>
                <w:p w14:paraId="18AC720D" w14:textId="29B78B37" w:rsidR="004D6E33" w:rsidRPr="003F42B7" w:rsidRDefault="00BF5726" w:rsidP="000B46CF">
                  <w:pPr>
                    <w:pStyle w:val="ListParagraph"/>
                    <w:numPr>
                      <w:ilvl w:val="0"/>
                      <w:numId w:val="13"/>
                    </w:numPr>
                    <w:spacing w:after="0"/>
                    <w:ind w:right="90"/>
                    <w:rPr>
                      <w:rFonts w:asciiTheme="majorHAnsi" w:hAnsiTheme="majorHAnsi"/>
                      <w:sz w:val="24"/>
                      <w:szCs w:val="24"/>
                    </w:rPr>
                  </w:pPr>
                  <w:r w:rsidRPr="003F42B7">
                    <w:rPr>
                      <w:rFonts w:asciiTheme="majorHAnsi" w:hAnsiTheme="majorHAnsi"/>
                      <w:b/>
                      <w:sz w:val="24"/>
                      <w:szCs w:val="24"/>
                    </w:rPr>
                    <w:t xml:space="preserve">August </w:t>
                  </w:r>
                  <w:r w:rsidR="007863BD" w:rsidRPr="003F42B7">
                    <w:rPr>
                      <w:rFonts w:asciiTheme="majorHAnsi" w:hAnsiTheme="majorHAnsi"/>
                      <w:b/>
                      <w:sz w:val="24"/>
                      <w:szCs w:val="24"/>
                    </w:rPr>
                    <w:t>2015</w:t>
                  </w:r>
                  <w:r w:rsidRPr="003F42B7">
                    <w:rPr>
                      <w:rFonts w:asciiTheme="majorHAnsi" w:hAnsiTheme="majorHAnsi"/>
                      <w:b/>
                      <w:sz w:val="24"/>
                      <w:szCs w:val="24"/>
                    </w:rPr>
                    <w:t xml:space="preserve"> </w:t>
                  </w:r>
                  <w:r w:rsidR="007863B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– </w:t>
                  </w:r>
                  <w:r w:rsidRPr="003F42B7">
                    <w:rPr>
                      <w:rFonts w:asciiTheme="majorHAnsi" w:hAnsiTheme="majorHAnsi"/>
                      <w:sz w:val="24"/>
                      <w:szCs w:val="24"/>
                    </w:rPr>
                    <w:t>An all day workshop was held in Sacramento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</w:t>
                  </w:r>
                  <w:r w:rsidR="007863B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with external stakeholders 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including 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>MPO</w:t>
                  </w:r>
                  <w:r w:rsidR="00D44BFB" w:rsidRPr="003F42B7">
                    <w:rPr>
                      <w:rFonts w:asciiTheme="majorHAnsi" w:hAnsiTheme="majorHAnsi"/>
                      <w:sz w:val="24"/>
                      <w:szCs w:val="24"/>
                    </w:rPr>
                    <w:t>s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>, RTPA</w:t>
                  </w:r>
                  <w:r w:rsidR="00D44BFB" w:rsidRPr="003F42B7">
                    <w:rPr>
                      <w:rFonts w:asciiTheme="majorHAnsi" w:hAnsiTheme="majorHAnsi"/>
                      <w:sz w:val="24"/>
                      <w:szCs w:val="24"/>
                    </w:rPr>
                    <w:t>s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, </w:t>
                  </w:r>
                  <w:r w:rsidR="00C575C0" w:rsidRPr="003F42B7">
                    <w:rPr>
                      <w:rFonts w:asciiTheme="majorHAnsi" w:hAnsiTheme="majorHAnsi"/>
                      <w:sz w:val="24"/>
                      <w:szCs w:val="24"/>
                    </w:rPr>
                    <w:t>cities and counties, as well as staff from FHWA and Caltrans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>.</w:t>
                  </w:r>
                  <w:r w:rsid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 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Keynote speakers included </w:t>
                  </w:r>
                  <w:r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Peter Stephanos from the </w:t>
                  </w:r>
                  <w:r w:rsidR="00C575C0" w:rsidRPr="003F42B7">
                    <w:rPr>
                      <w:rFonts w:asciiTheme="majorHAnsi" w:hAnsiTheme="majorHAnsi"/>
                      <w:sz w:val="24"/>
                      <w:szCs w:val="24"/>
                    </w:rPr>
                    <w:t>FHWA</w:t>
                  </w:r>
                  <w:r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, 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>Office of Performance</w:t>
                  </w:r>
                  <w:r w:rsid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Management in Washington D.C.  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This workshop focused on the performance management requirements included in MAP-21.  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Caltrans presented information on the current inventory, condition and performance of the four defined asset classes.  </w:t>
                  </w:r>
                  <w:r w:rsidR="00AD3563" w:rsidRPr="003F42B7">
                    <w:rPr>
                      <w:rFonts w:asciiTheme="majorHAnsi" w:hAnsiTheme="majorHAnsi"/>
                      <w:sz w:val="24"/>
                      <w:szCs w:val="24"/>
                    </w:rPr>
                    <w:t>During this workshop, s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ignificant feedback 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was received </w:t>
                  </w:r>
                  <w:r w:rsidR="000C2E1A" w:rsidRPr="003F42B7">
                    <w:rPr>
                      <w:rFonts w:asciiTheme="majorHAnsi" w:hAnsiTheme="majorHAnsi"/>
                      <w:sz w:val="24"/>
                      <w:szCs w:val="24"/>
                    </w:rPr>
                    <w:t>on the collection of locally owned NHS pavement invent</w:t>
                  </w:r>
                  <w:r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ory and condition information and </w:t>
                  </w:r>
                  <w:r w:rsidR="00AD3563" w:rsidRPr="003F42B7">
                    <w:rPr>
                      <w:rFonts w:asciiTheme="majorHAnsi" w:hAnsiTheme="majorHAnsi"/>
                      <w:sz w:val="24"/>
                      <w:szCs w:val="24"/>
                    </w:rPr>
                    <w:t>it was determined that Ca</w:t>
                  </w:r>
                  <w:r w:rsidR="00BE6A5E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ltrans would collect this data.  </w:t>
                  </w:r>
                  <w:r w:rsidR="00AD3563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Caltrans completed these efforts in 2016. </w:t>
                  </w:r>
                </w:p>
                <w:p w14:paraId="2AA008B5" w14:textId="77777777" w:rsidR="00AD3563" w:rsidRPr="003F42B7" w:rsidRDefault="00AD3563" w:rsidP="00BF2733">
                  <w:pPr>
                    <w:ind w:left="180" w:right="90"/>
                    <w:rPr>
                      <w:rFonts w:asciiTheme="majorHAnsi" w:hAnsiTheme="majorHAnsi"/>
                    </w:rPr>
                  </w:pPr>
                </w:p>
                <w:p w14:paraId="587AD321" w14:textId="33EC733A" w:rsidR="007863BD" w:rsidRPr="003F42B7" w:rsidRDefault="007B24E2" w:rsidP="000B46CF">
                  <w:pPr>
                    <w:pStyle w:val="ListParagraph"/>
                    <w:numPr>
                      <w:ilvl w:val="0"/>
                      <w:numId w:val="13"/>
                    </w:numPr>
                    <w:spacing w:after="0"/>
                    <w:ind w:right="90"/>
                    <w:rPr>
                      <w:rFonts w:asciiTheme="majorHAnsi" w:hAnsiTheme="majorHAnsi"/>
                      <w:sz w:val="24"/>
                      <w:szCs w:val="24"/>
                    </w:rPr>
                  </w:pPr>
                  <w:r w:rsidRPr="00334D20">
                    <w:rPr>
                      <w:rFonts w:asciiTheme="majorHAnsi" w:hAnsiTheme="majorHAnsi"/>
                      <w:b/>
                      <w:sz w:val="24"/>
                      <w:szCs w:val="24"/>
                    </w:rPr>
                    <w:t xml:space="preserve">August 2017 </w:t>
                  </w:r>
                  <w:r w:rsidR="00BF5726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– Caltrans </w:t>
                  </w:r>
                  <w:r w:rsidR="00B047C4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is </w:t>
                  </w:r>
                  <w:r w:rsidR="00C575C0" w:rsidRPr="003F42B7">
                    <w:rPr>
                      <w:rFonts w:asciiTheme="majorHAnsi" w:hAnsiTheme="majorHAnsi"/>
                      <w:sz w:val="24"/>
                      <w:szCs w:val="24"/>
                    </w:rPr>
                    <w:t>coordinat</w:t>
                  </w:r>
                  <w:r w:rsidR="00B047C4" w:rsidRPr="003F42B7">
                    <w:rPr>
                      <w:rFonts w:asciiTheme="majorHAnsi" w:hAnsiTheme="majorHAnsi"/>
                      <w:sz w:val="24"/>
                      <w:szCs w:val="24"/>
                    </w:rPr>
                    <w:t>ing</w:t>
                  </w:r>
                  <w:r w:rsidR="00C575C0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with PM3 to </w:t>
                  </w:r>
                  <w:r w:rsidR="00BF5726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hold </w:t>
                  </w:r>
                  <w:r w:rsidR="00EF464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an initial </w:t>
                  </w:r>
                  <w:r w:rsidR="00BF5726" w:rsidRPr="003F42B7">
                    <w:rPr>
                      <w:rFonts w:asciiTheme="majorHAnsi" w:hAnsiTheme="majorHAnsi"/>
                      <w:sz w:val="24"/>
                      <w:szCs w:val="24"/>
                    </w:rPr>
                    <w:t>phone conference/</w:t>
                  </w:r>
                  <w:r w:rsidR="00B276F1" w:rsidRPr="003F42B7">
                    <w:rPr>
                      <w:rFonts w:asciiTheme="majorHAnsi" w:hAnsiTheme="majorHAnsi"/>
                      <w:sz w:val="24"/>
                      <w:szCs w:val="24"/>
                    </w:rPr>
                    <w:t>webinar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with external stakeholders</w:t>
                  </w:r>
                  <w:r w:rsidR="00C575C0" w:rsidRPr="003F42B7">
                    <w:rPr>
                      <w:sz w:val="24"/>
                    </w:rPr>
                    <w:t xml:space="preserve"> including </w:t>
                  </w:r>
                  <w:r w:rsidR="00C575C0" w:rsidRPr="003F42B7">
                    <w:rPr>
                      <w:sz w:val="24"/>
                      <w:szCs w:val="24"/>
                    </w:rPr>
                    <w:t xml:space="preserve">MPOs, RTPAs, </w:t>
                  </w:r>
                  <w:r w:rsidR="00EF464A" w:rsidRPr="003F42B7">
                    <w:rPr>
                      <w:sz w:val="24"/>
                      <w:szCs w:val="24"/>
                    </w:rPr>
                    <w:t xml:space="preserve">cities, </w:t>
                  </w:r>
                  <w:r w:rsidR="00C575C0" w:rsidRPr="003F42B7">
                    <w:rPr>
                      <w:sz w:val="24"/>
                      <w:szCs w:val="24"/>
                    </w:rPr>
                    <w:t>counties</w:t>
                  </w:r>
                  <w:r w:rsidR="00EF464A" w:rsidRPr="003F42B7">
                    <w:rPr>
                      <w:sz w:val="24"/>
                      <w:szCs w:val="24"/>
                    </w:rPr>
                    <w:t xml:space="preserve"> and tribal governments</w:t>
                  </w:r>
                  <w:r w:rsidR="00C575C0" w:rsidRPr="003F42B7">
                    <w:rPr>
                      <w:sz w:val="24"/>
                      <w:szCs w:val="24"/>
                    </w:rPr>
                    <w:t xml:space="preserve">, as well as staff from </w:t>
                  </w:r>
                  <w:r w:rsidR="003F42B7">
                    <w:rPr>
                      <w:sz w:val="24"/>
                      <w:szCs w:val="24"/>
                    </w:rPr>
                    <w:t>the CTC</w:t>
                  </w:r>
                  <w:r w:rsidR="00EF464A" w:rsidRPr="003F42B7">
                    <w:rPr>
                      <w:sz w:val="24"/>
                      <w:szCs w:val="24"/>
                    </w:rPr>
                    <w:t>, FHWA,</w:t>
                  </w:r>
                  <w:r w:rsidR="00C575C0" w:rsidRPr="003F42B7">
                    <w:rPr>
                      <w:sz w:val="24"/>
                      <w:szCs w:val="24"/>
                    </w:rPr>
                    <w:t xml:space="preserve"> and Caltrans. 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</w:t>
                  </w:r>
                  <w:r w:rsidR="00C575C0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The purpose of this meeting is 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to </w:t>
                  </w:r>
                  <w:r w:rsidR="00B276F1" w:rsidRPr="003F42B7">
                    <w:rPr>
                      <w:rFonts w:asciiTheme="majorHAnsi" w:hAnsiTheme="majorHAnsi"/>
                      <w:sz w:val="24"/>
                      <w:szCs w:val="24"/>
                    </w:rPr>
                    <w:t>collectively determine</w:t>
                  </w:r>
                  <w:r w:rsidR="00020CDD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bridge and pavement</w:t>
                  </w:r>
                  <w:r w:rsidR="00992B29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performance targets on </w:t>
                  </w:r>
                  <w:r w:rsidR="00EF464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the </w:t>
                  </w:r>
                  <w:r w:rsidR="00992B29" w:rsidRPr="003F42B7">
                    <w:rPr>
                      <w:rFonts w:asciiTheme="majorHAnsi" w:hAnsiTheme="majorHAnsi"/>
                      <w:sz w:val="24"/>
                      <w:szCs w:val="24"/>
                    </w:rPr>
                    <w:t>NHS</w:t>
                  </w:r>
                  <w:r w:rsidR="00B276F1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. </w:t>
                  </w:r>
                  <w:r w:rsidR="00BE6A5E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 </w:t>
                  </w:r>
                  <w:r w:rsidR="00B276F1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If this cannot be accomplished in the webinar, a </w:t>
                  </w:r>
                  <w:r w:rsidR="00EF464A" w:rsidRPr="003F42B7">
                    <w:rPr>
                      <w:rFonts w:asciiTheme="majorHAnsi" w:hAnsiTheme="majorHAnsi"/>
                      <w:sz w:val="24"/>
                      <w:szCs w:val="24"/>
                    </w:rPr>
                    <w:t xml:space="preserve">future </w:t>
                  </w:r>
                  <w:r w:rsidR="00B276F1" w:rsidRPr="003F42B7">
                    <w:rPr>
                      <w:rFonts w:asciiTheme="majorHAnsi" w:hAnsiTheme="majorHAnsi"/>
                      <w:sz w:val="24"/>
                      <w:szCs w:val="24"/>
                    </w:rPr>
                    <w:t>workshop will be scheduled.</w:t>
                  </w:r>
                </w:p>
                <w:p w14:paraId="7B028ED9" w14:textId="77777777" w:rsidR="00A5560C" w:rsidRDefault="00A5560C" w:rsidP="00B276F1">
                  <w:pPr>
                    <w:autoSpaceDE w:val="0"/>
                    <w:autoSpaceDN w:val="0"/>
                    <w:adjustRightInd w:val="0"/>
                    <w:ind w:left="180"/>
                    <w:rPr>
                      <w:rFonts w:asciiTheme="majorHAnsi" w:hAnsiTheme="majorHAnsi"/>
                    </w:rPr>
                  </w:pPr>
                </w:p>
                <w:p w14:paraId="60BC7407" w14:textId="77777777" w:rsidR="00D44BFB" w:rsidRPr="008D316E" w:rsidRDefault="00D44BFB" w:rsidP="008D316E">
                  <w:pPr>
                    <w:pStyle w:val="Heading2"/>
                    <w:rPr>
                      <w:lang w:val="fr-CA"/>
                    </w:rPr>
                  </w:pPr>
                  <w:r w:rsidRPr="008D316E">
                    <w:rPr>
                      <w:lang w:val="fr-CA"/>
                    </w:rPr>
                    <w:t>C</w:t>
                  </w:r>
                  <w:bookmarkStart w:id="1" w:name="_GoBack"/>
                  <w:bookmarkEnd w:id="1"/>
                  <w:r w:rsidRPr="008D316E">
                    <w:rPr>
                      <w:lang w:val="fr-CA"/>
                    </w:rPr>
                    <w:t>ontact:</w:t>
                  </w:r>
                </w:p>
                <w:p w14:paraId="38BC2355" w14:textId="77777777" w:rsidR="00D44BFB" w:rsidRPr="008D316E" w:rsidRDefault="00D44BFB" w:rsidP="00D44BFB">
                  <w:pPr>
                    <w:rPr>
                      <w:lang w:val="fr-CA"/>
                    </w:rPr>
                  </w:pPr>
                  <w:r w:rsidRPr="008D316E">
                    <w:rPr>
                      <w:lang w:val="fr-CA"/>
                    </w:rPr>
                    <w:t>Jennifer Duran</w:t>
                  </w:r>
                </w:p>
                <w:p w14:paraId="2FD37291" w14:textId="75747762" w:rsidR="00992B29" w:rsidRPr="008D316E" w:rsidRDefault="00D44BFB" w:rsidP="00D44BFB">
                  <w:pPr>
                    <w:rPr>
                      <w:lang w:val="fr-CA"/>
                    </w:rPr>
                  </w:pPr>
                  <w:r w:rsidRPr="008D316E">
                    <w:rPr>
                      <w:lang w:val="fr-CA"/>
                    </w:rPr>
                    <w:t>Phone</w:t>
                  </w:r>
                  <w:proofErr w:type="gramStart"/>
                  <w:r w:rsidRPr="008D316E">
                    <w:rPr>
                      <w:lang w:val="fr-CA"/>
                    </w:rPr>
                    <w:t xml:space="preserve">:  </w:t>
                  </w:r>
                  <w:r w:rsidR="00992B29" w:rsidRPr="008D316E">
                    <w:rPr>
                      <w:lang w:val="fr-CA"/>
                    </w:rPr>
                    <w:t>(</w:t>
                  </w:r>
                  <w:proofErr w:type="gramEnd"/>
                  <w:r w:rsidR="00992B29" w:rsidRPr="008D316E">
                    <w:rPr>
                      <w:lang w:val="fr-CA"/>
                    </w:rPr>
                    <w:t>916) 323-7746</w:t>
                  </w:r>
                </w:p>
                <w:p w14:paraId="2C2F1052" w14:textId="17C66005" w:rsidR="00020CDD" w:rsidRPr="008D316E" w:rsidRDefault="00D44BFB" w:rsidP="00EF464A">
                  <w:pPr>
                    <w:rPr>
                      <w:rFonts w:asciiTheme="majorHAnsi" w:hAnsiTheme="majorHAnsi"/>
                      <w:lang w:val="fr-CA"/>
                    </w:rPr>
                  </w:pPr>
                  <w:r w:rsidRPr="008D316E">
                    <w:rPr>
                      <w:lang w:val="fr-CA"/>
                    </w:rPr>
                    <w:t xml:space="preserve">Email:  </w:t>
                  </w:r>
                  <w:hyperlink r:id="rId10" w:history="1">
                    <w:r w:rsidRPr="008D316E">
                      <w:rPr>
                        <w:rStyle w:val="Hyperlink"/>
                        <w:lang w:val="fr-CA"/>
                      </w:rPr>
                      <w:t>jennifer.duran@dot.ca.gov</w:t>
                    </w:r>
                  </w:hyperlink>
                </w:p>
                <w:p w14:paraId="0D284594" w14:textId="77777777" w:rsidR="002B4493" w:rsidRPr="008D316E" w:rsidRDefault="002B4493" w:rsidP="000B46CF">
                  <w:pPr>
                    <w:ind w:left="630" w:right="90"/>
                    <w:rPr>
                      <w:rFonts w:ascii="Times New Roman" w:eastAsia="Times New Roman" w:hAnsi="Times New Roman" w:cs="Times New Roman"/>
                      <w:lang w:val="fr-CA"/>
                    </w:rPr>
                  </w:pPr>
                </w:p>
              </w:tc>
              <w:tc>
                <w:tcPr>
                  <w:tcW w:w="90" w:type="dxa"/>
                </w:tcPr>
                <w:p w14:paraId="5D01FDC7" w14:textId="77777777" w:rsidR="00226F5C" w:rsidRPr="008D316E" w:rsidRDefault="00981C11" w:rsidP="005213DE">
                  <w:pPr>
                    <w:spacing w:after="240" w:line="259" w:lineRule="auto"/>
                    <w:ind w:right="90"/>
                    <w:rPr>
                      <w:lang w:val="fr-CA"/>
                    </w:rPr>
                  </w:pPr>
                  <w:r w:rsidRPr="008D316E">
                    <w:rPr>
                      <w:lang w:val="fr-CA"/>
                    </w:rPr>
                    <w:lastRenderedPageBreak/>
                    <w:t xml:space="preserve">  </w:t>
                  </w:r>
                </w:p>
              </w:tc>
            </w:tr>
          </w:tbl>
          <w:p w14:paraId="14D138B8" w14:textId="77777777" w:rsidR="00604635" w:rsidRPr="008D316E" w:rsidRDefault="00604635" w:rsidP="005213DE">
            <w:pPr>
              <w:ind w:right="90"/>
              <w:rPr>
                <w:lang w:val="fr-CA"/>
              </w:rPr>
            </w:pPr>
          </w:p>
        </w:tc>
      </w:tr>
    </w:tbl>
    <w:p w14:paraId="0BA483C3" w14:textId="77777777" w:rsidR="00903DFA" w:rsidRPr="008D316E" w:rsidRDefault="00903DFA" w:rsidP="00EF464A">
      <w:pPr>
        <w:tabs>
          <w:tab w:val="left" w:pos="3382"/>
        </w:tabs>
        <w:ind w:right="90"/>
        <w:rPr>
          <w:rFonts w:ascii="Times New Roman" w:hAnsi="Times New Roman" w:cs="Times New Roman"/>
          <w:lang w:val="fr-CA"/>
        </w:rPr>
      </w:pPr>
    </w:p>
    <w:sectPr w:rsidR="00903DFA" w:rsidRPr="008D316E" w:rsidSect="00BB6855">
      <w:footerReference w:type="default" r:id="rId11"/>
      <w:pgSz w:w="12240" w:h="15840"/>
      <w:pgMar w:top="1008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A3CAACD" w14:textId="77777777" w:rsidR="00CA0AC9" w:rsidRDefault="00CA0AC9">
      <w:pPr>
        <w:spacing w:after="0" w:line="240" w:lineRule="auto"/>
      </w:pPr>
      <w:r>
        <w:separator/>
      </w:r>
    </w:p>
  </w:endnote>
  <w:endnote w:type="continuationSeparator" w:id="0">
    <w:p w14:paraId="1746FA92" w14:textId="77777777" w:rsidR="00CA0AC9" w:rsidRDefault="00CA0AC9">
      <w:pPr>
        <w:spacing w:after="0" w:line="240" w:lineRule="auto"/>
      </w:pPr>
      <w:r>
        <w:continuationSeparator/>
      </w:r>
    </w:p>
  </w:endnote>
  <w:endnote w:type="continuationNotice" w:id="1">
    <w:p w14:paraId="4C61E2B6" w14:textId="77777777" w:rsidR="00CA0AC9" w:rsidRDefault="00CA0AC9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Meiryo">
    <w:charset w:val="80"/>
    <w:family w:val="swiss"/>
    <w:pitch w:val="variable"/>
    <w:sig w:usb0="E10102FF" w:usb1="EAC7FFFF" w:usb2="0801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10040655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22AC4EAF" w14:textId="43B1225A" w:rsidR="006F6CD7" w:rsidRDefault="006F6CD7">
        <w:pPr>
          <w:pStyle w:val="Footer"/>
        </w:pPr>
        <w:r>
          <w:ptab w:relativeTo="margin" w:alignment="right" w:leader="none"/>
        </w: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334D20"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  <w:p w14:paraId="3B26CF72" w14:textId="77777777" w:rsidR="003964FE" w:rsidRDefault="003964F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A00BFA7" w14:textId="77777777" w:rsidR="00CA0AC9" w:rsidRDefault="00CA0AC9">
      <w:pPr>
        <w:spacing w:after="0" w:line="240" w:lineRule="auto"/>
      </w:pPr>
      <w:r>
        <w:separator/>
      </w:r>
    </w:p>
  </w:footnote>
  <w:footnote w:type="continuationSeparator" w:id="0">
    <w:p w14:paraId="65C8FE31" w14:textId="77777777" w:rsidR="00CA0AC9" w:rsidRDefault="00CA0AC9">
      <w:pPr>
        <w:spacing w:after="0" w:line="240" w:lineRule="auto"/>
      </w:pPr>
      <w:r>
        <w:continuationSeparator/>
      </w:r>
    </w:p>
  </w:footnote>
  <w:footnote w:type="continuationNotice" w:id="1">
    <w:p w14:paraId="4197FA6E" w14:textId="77777777" w:rsidR="00CA0AC9" w:rsidRDefault="00CA0AC9">
      <w:pPr>
        <w:spacing w:after="0" w:line="240" w:lineRule="auto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44E1F"/>
    <w:multiLevelType w:val="hybridMultilevel"/>
    <w:tmpl w:val="99969CA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EDC1667"/>
    <w:multiLevelType w:val="hybridMultilevel"/>
    <w:tmpl w:val="B082EF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66642E8"/>
    <w:multiLevelType w:val="hybridMultilevel"/>
    <w:tmpl w:val="00FAF75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8F323BC"/>
    <w:multiLevelType w:val="hybridMultilevel"/>
    <w:tmpl w:val="3ADED21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C805637"/>
    <w:multiLevelType w:val="hybridMultilevel"/>
    <w:tmpl w:val="30AE099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2CA61B38"/>
    <w:multiLevelType w:val="hybridMultilevel"/>
    <w:tmpl w:val="D2E6507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375B6AD9"/>
    <w:multiLevelType w:val="hybridMultilevel"/>
    <w:tmpl w:val="B3CE71C8"/>
    <w:lvl w:ilvl="0" w:tplc="A9B2C696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E5D8331E">
      <w:start w:val="1"/>
      <w:numFmt w:val="bullet"/>
      <w:lvlText w:val="–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97C4B4C4" w:tentative="1">
      <w:start w:val="1"/>
      <w:numFmt w:val="bullet"/>
      <w:lvlText w:val="–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BA2CF60" w:tentative="1">
      <w:start w:val="1"/>
      <w:numFmt w:val="bullet"/>
      <w:lvlText w:val="–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29806030" w:tentative="1">
      <w:start w:val="1"/>
      <w:numFmt w:val="bullet"/>
      <w:lvlText w:val="–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6B32D32E" w:tentative="1">
      <w:start w:val="1"/>
      <w:numFmt w:val="bullet"/>
      <w:lvlText w:val="–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6B62DC4" w:tentative="1">
      <w:start w:val="1"/>
      <w:numFmt w:val="bullet"/>
      <w:lvlText w:val="–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36302566" w:tentative="1">
      <w:start w:val="1"/>
      <w:numFmt w:val="bullet"/>
      <w:lvlText w:val="–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788052A" w:tentative="1">
      <w:start w:val="1"/>
      <w:numFmt w:val="bullet"/>
      <w:lvlText w:val="–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7" w15:restartNumberingAfterBreak="0">
    <w:nsid w:val="39E849A7"/>
    <w:multiLevelType w:val="hybridMultilevel"/>
    <w:tmpl w:val="B3E02C4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A994178"/>
    <w:multiLevelType w:val="hybridMultilevel"/>
    <w:tmpl w:val="9FE4A022"/>
    <w:lvl w:ilvl="0" w:tplc="A9B2C696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409000F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97C4B4C4" w:tentative="1">
      <w:start w:val="1"/>
      <w:numFmt w:val="bullet"/>
      <w:lvlText w:val="–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BA2CF60" w:tentative="1">
      <w:start w:val="1"/>
      <w:numFmt w:val="bullet"/>
      <w:lvlText w:val="–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29806030" w:tentative="1">
      <w:start w:val="1"/>
      <w:numFmt w:val="bullet"/>
      <w:lvlText w:val="–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6B32D32E" w:tentative="1">
      <w:start w:val="1"/>
      <w:numFmt w:val="bullet"/>
      <w:lvlText w:val="–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46B62DC4" w:tentative="1">
      <w:start w:val="1"/>
      <w:numFmt w:val="bullet"/>
      <w:lvlText w:val="–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36302566" w:tentative="1">
      <w:start w:val="1"/>
      <w:numFmt w:val="bullet"/>
      <w:lvlText w:val="–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788052A" w:tentative="1">
      <w:start w:val="1"/>
      <w:numFmt w:val="bullet"/>
      <w:lvlText w:val="–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9" w15:restartNumberingAfterBreak="0">
    <w:nsid w:val="4602002A"/>
    <w:multiLevelType w:val="hybridMultilevel"/>
    <w:tmpl w:val="F81628C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F355AE5"/>
    <w:multiLevelType w:val="hybridMultilevel"/>
    <w:tmpl w:val="3ADED21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A3F5BBF"/>
    <w:multiLevelType w:val="hybridMultilevel"/>
    <w:tmpl w:val="1C761F8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3B72BD6"/>
    <w:multiLevelType w:val="hybridMultilevel"/>
    <w:tmpl w:val="FBEAF64E"/>
    <w:lvl w:ilvl="0" w:tplc="04090001">
      <w:start w:val="1"/>
      <w:numFmt w:val="bullet"/>
      <w:lvlText w:val=""/>
      <w:lvlJc w:val="left"/>
      <w:pPr>
        <w:ind w:left="135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07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9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51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23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95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67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9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110" w:hanging="360"/>
      </w:pPr>
      <w:rPr>
        <w:rFonts w:ascii="Wingdings" w:hAnsi="Wingdings" w:hint="default"/>
      </w:rPr>
    </w:lvl>
  </w:abstractNum>
  <w:abstractNum w:abstractNumId="13" w15:restartNumberingAfterBreak="0">
    <w:nsid w:val="65B65593"/>
    <w:multiLevelType w:val="hybridMultilevel"/>
    <w:tmpl w:val="641E683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795C1945"/>
    <w:multiLevelType w:val="hybridMultilevel"/>
    <w:tmpl w:val="434064E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7A630D17"/>
    <w:multiLevelType w:val="hybridMultilevel"/>
    <w:tmpl w:val="DFFE91B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1"/>
  </w:num>
  <w:num w:numId="3">
    <w:abstractNumId w:val="9"/>
  </w:num>
  <w:num w:numId="4">
    <w:abstractNumId w:val="14"/>
  </w:num>
  <w:num w:numId="5">
    <w:abstractNumId w:val="4"/>
  </w:num>
  <w:num w:numId="6">
    <w:abstractNumId w:val="10"/>
  </w:num>
  <w:num w:numId="7">
    <w:abstractNumId w:val="3"/>
  </w:num>
  <w:num w:numId="8">
    <w:abstractNumId w:val="5"/>
  </w:num>
  <w:num w:numId="9">
    <w:abstractNumId w:val="6"/>
  </w:num>
  <w:num w:numId="10">
    <w:abstractNumId w:val="8"/>
  </w:num>
  <w:num w:numId="11">
    <w:abstractNumId w:val="2"/>
  </w:num>
  <w:num w:numId="12">
    <w:abstractNumId w:val="12"/>
  </w:num>
  <w:num w:numId="13">
    <w:abstractNumId w:val="7"/>
  </w:num>
  <w:num w:numId="14">
    <w:abstractNumId w:val="0"/>
  </w:num>
  <w:num w:numId="15">
    <w:abstractNumId w:val="11"/>
  </w:num>
  <w:num w:numId="16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9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26F5C"/>
    <w:rsid w:val="00017BFB"/>
    <w:rsid w:val="00020CDD"/>
    <w:rsid w:val="0004576E"/>
    <w:rsid w:val="00045CAF"/>
    <w:rsid w:val="000461E2"/>
    <w:rsid w:val="0005742E"/>
    <w:rsid w:val="00074D9B"/>
    <w:rsid w:val="00074EB2"/>
    <w:rsid w:val="00081AB1"/>
    <w:rsid w:val="000B46CF"/>
    <w:rsid w:val="000C2E1A"/>
    <w:rsid w:val="000F6060"/>
    <w:rsid w:val="00110025"/>
    <w:rsid w:val="0011655D"/>
    <w:rsid w:val="00121877"/>
    <w:rsid w:val="00124E64"/>
    <w:rsid w:val="00160467"/>
    <w:rsid w:val="001835FA"/>
    <w:rsid w:val="001A10D9"/>
    <w:rsid w:val="001D52C6"/>
    <w:rsid w:val="001E4F0A"/>
    <w:rsid w:val="001F602A"/>
    <w:rsid w:val="00220D3F"/>
    <w:rsid w:val="00226F5C"/>
    <w:rsid w:val="0025726E"/>
    <w:rsid w:val="00292095"/>
    <w:rsid w:val="00294B4A"/>
    <w:rsid w:val="002A1805"/>
    <w:rsid w:val="002A423C"/>
    <w:rsid w:val="002B4493"/>
    <w:rsid w:val="002C196A"/>
    <w:rsid w:val="002C61BA"/>
    <w:rsid w:val="002D1B80"/>
    <w:rsid w:val="00312DBF"/>
    <w:rsid w:val="00334D20"/>
    <w:rsid w:val="003964FE"/>
    <w:rsid w:val="003977CF"/>
    <w:rsid w:val="003A100D"/>
    <w:rsid w:val="003D2FA8"/>
    <w:rsid w:val="003E0009"/>
    <w:rsid w:val="003F42B7"/>
    <w:rsid w:val="004858A7"/>
    <w:rsid w:val="004B7941"/>
    <w:rsid w:val="004C7C14"/>
    <w:rsid w:val="004D099B"/>
    <w:rsid w:val="004D6E33"/>
    <w:rsid w:val="004E6BCC"/>
    <w:rsid w:val="005213DE"/>
    <w:rsid w:val="00525A33"/>
    <w:rsid w:val="00531CF2"/>
    <w:rsid w:val="005434EC"/>
    <w:rsid w:val="00567BEF"/>
    <w:rsid w:val="00580C80"/>
    <w:rsid w:val="005856CA"/>
    <w:rsid w:val="00596A11"/>
    <w:rsid w:val="005C0080"/>
    <w:rsid w:val="005C3893"/>
    <w:rsid w:val="005D374A"/>
    <w:rsid w:val="005F7AA7"/>
    <w:rsid w:val="00604635"/>
    <w:rsid w:val="00672FB4"/>
    <w:rsid w:val="006C7843"/>
    <w:rsid w:val="006F6CD7"/>
    <w:rsid w:val="0071704D"/>
    <w:rsid w:val="0074527B"/>
    <w:rsid w:val="007863BD"/>
    <w:rsid w:val="00792B45"/>
    <w:rsid w:val="007B24E2"/>
    <w:rsid w:val="007C40CF"/>
    <w:rsid w:val="007E3F82"/>
    <w:rsid w:val="00834759"/>
    <w:rsid w:val="008462F0"/>
    <w:rsid w:val="00873AE3"/>
    <w:rsid w:val="008A2106"/>
    <w:rsid w:val="008B2482"/>
    <w:rsid w:val="008D1695"/>
    <w:rsid w:val="008D316E"/>
    <w:rsid w:val="008E489A"/>
    <w:rsid w:val="009003BD"/>
    <w:rsid w:val="00903DFA"/>
    <w:rsid w:val="009435BF"/>
    <w:rsid w:val="00981C11"/>
    <w:rsid w:val="00992B29"/>
    <w:rsid w:val="009A7D55"/>
    <w:rsid w:val="009B4D15"/>
    <w:rsid w:val="009D1E3A"/>
    <w:rsid w:val="00A00F51"/>
    <w:rsid w:val="00A17C58"/>
    <w:rsid w:val="00A232A6"/>
    <w:rsid w:val="00A4297B"/>
    <w:rsid w:val="00A472B2"/>
    <w:rsid w:val="00A5560C"/>
    <w:rsid w:val="00A83F67"/>
    <w:rsid w:val="00A91E90"/>
    <w:rsid w:val="00AA1CCC"/>
    <w:rsid w:val="00AA530F"/>
    <w:rsid w:val="00AB4A62"/>
    <w:rsid w:val="00AD3563"/>
    <w:rsid w:val="00B047C4"/>
    <w:rsid w:val="00B12A67"/>
    <w:rsid w:val="00B1686F"/>
    <w:rsid w:val="00B276F1"/>
    <w:rsid w:val="00B4693B"/>
    <w:rsid w:val="00B5158C"/>
    <w:rsid w:val="00B75029"/>
    <w:rsid w:val="00B769D4"/>
    <w:rsid w:val="00B8533A"/>
    <w:rsid w:val="00B91A67"/>
    <w:rsid w:val="00BB6855"/>
    <w:rsid w:val="00BC2AE0"/>
    <w:rsid w:val="00BD4842"/>
    <w:rsid w:val="00BE2F02"/>
    <w:rsid w:val="00BE6A5E"/>
    <w:rsid w:val="00BF2733"/>
    <w:rsid w:val="00BF5726"/>
    <w:rsid w:val="00C16541"/>
    <w:rsid w:val="00C252AB"/>
    <w:rsid w:val="00C3344E"/>
    <w:rsid w:val="00C475B1"/>
    <w:rsid w:val="00C504B0"/>
    <w:rsid w:val="00C575C0"/>
    <w:rsid w:val="00C703D5"/>
    <w:rsid w:val="00C90DAC"/>
    <w:rsid w:val="00CA0AC9"/>
    <w:rsid w:val="00CF1AAE"/>
    <w:rsid w:val="00D0759B"/>
    <w:rsid w:val="00D31CC9"/>
    <w:rsid w:val="00D34BD0"/>
    <w:rsid w:val="00D44BFB"/>
    <w:rsid w:val="00D869AD"/>
    <w:rsid w:val="00D91F8B"/>
    <w:rsid w:val="00D94C48"/>
    <w:rsid w:val="00DD674C"/>
    <w:rsid w:val="00DE4A54"/>
    <w:rsid w:val="00EB2D43"/>
    <w:rsid w:val="00EF464A"/>
    <w:rsid w:val="00F02B8B"/>
    <w:rsid w:val="00F176B5"/>
    <w:rsid w:val="00F26D3A"/>
    <w:rsid w:val="00F56ADF"/>
    <w:rsid w:val="00F756F0"/>
    <w:rsid w:val="00F80FD9"/>
    <w:rsid w:val="00F92631"/>
    <w:rsid w:val="00F961A1"/>
    <w:rsid w:val="00FA7257"/>
    <w:rsid w:val="00FB3255"/>
    <w:rsid w:val="00FC1610"/>
    <w:rsid w:val="00FC5A03"/>
    <w:rsid w:val="00FF4E2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7768F6E8"/>
  <w15:chartTrackingRefBased/>
  <w15:docId w15:val="{2721258F-D63D-4DA2-BA9A-C541321934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>
      <w:pPr>
        <w:spacing w:after="24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2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38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Title"/>
    <w:next w:val="Normal"/>
    <w:link w:val="Heading1Char"/>
    <w:uiPriority w:val="9"/>
    <w:qFormat/>
    <w:rsid w:val="008D316E"/>
    <w:pPr>
      <w:ind w:right="90"/>
      <w:outlineLvl w:val="0"/>
    </w:pPr>
    <w:rPr>
      <w:color w:val="595959" w:themeColor="text1" w:themeTint="A6"/>
      <w:sz w:val="44"/>
      <w:szCs w:val="44"/>
    </w:rPr>
  </w:style>
  <w:style w:type="paragraph" w:styleId="Heading2">
    <w:name w:val="heading 2"/>
    <w:basedOn w:val="Heading3"/>
    <w:next w:val="Normal"/>
    <w:link w:val="Heading2Char"/>
    <w:uiPriority w:val="9"/>
    <w:unhideWhenUsed/>
    <w:qFormat/>
    <w:rsid w:val="008D316E"/>
    <w:pPr>
      <w:spacing w:before="0"/>
      <w:ind w:right="90"/>
      <w:outlineLvl w:val="1"/>
    </w:pPr>
    <w:rPr>
      <w:b/>
      <w:color w:val="auto"/>
      <w:sz w:val="24"/>
      <w:u w:val="single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pPr>
      <w:keepNext/>
      <w:keepLines/>
      <w:spacing w:before="360" w:after="0" w:line="240" w:lineRule="auto"/>
      <w:outlineLvl w:val="2"/>
    </w:pPr>
    <w:rPr>
      <w:rFonts w:asciiTheme="majorHAnsi" w:eastAsiaTheme="majorEastAsia" w:hAnsiTheme="majorHAnsi" w:cstheme="majorBidi"/>
      <w:color w:val="487F81" w:themeColor="accent1"/>
      <w:sz w:val="28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pPr>
      <w:keepNext/>
      <w:keepLines/>
      <w:spacing w:after="0" w:line="240" w:lineRule="auto"/>
      <w:outlineLvl w:val="3"/>
    </w:pPr>
    <w:rPr>
      <w:rFonts w:asciiTheme="majorHAnsi" w:eastAsiaTheme="majorEastAsia" w:hAnsiTheme="majorHAnsi" w:cstheme="majorBidi"/>
      <w:iCs/>
      <w:sz w:val="2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365E60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BookTitle">
    <w:name w:val="Book Title"/>
    <w:basedOn w:val="DefaultParagraphFont"/>
    <w:uiPriority w:val="33"/>
    <w:semiHidden/>
    <w:unhideWhenUsed/>
    <w:qFormat/>
    <w:rPr>
      <w:b/>
      <w:bCs/>
      <w:i/>
      <w:iCs/>
      <w:spacing w:val="0"/>
    </w:rPr>
  </w:style>
  <w:style w:type="character" w:styleId="IntenseReference">
    <w:name w:val="Intense Reference"/>
    <w:basedOn w:val="DefaultParagraphFont"/>
    <w:uiPriority w:val="32"/>
    <w:semiHidden/>
    <w:unhideWhenUsed/>
    <w:qFormat/>
    <w:rPr>
      <w:b/>
      <w:bCs/>
      <w:caps w:val="0"/>
      <w:smallCaps/>
      <w:color w:val="487F81" w:themeColor="accent1"/>
      <w:spacing w:val="0"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itle">
    <w:name w:val="Subtitle"/>
    <w:basedOn w:val="Normal"/>
    <w:link w:val="SubtitleChar"/>
    <w:uiPriority w:val="2"/>
    <w:qFormat/>
    <w:pPr>
      <w:numPr>
        <w:ilvl w:val="1"/>
      </w:numPr>
      <w:pBdr>
        <w:top w:val="single" w:sz="8" w:space="6" w:color="365E60" w:themeColor="accent1" w:themeShade="BF"/>
        <w:bottom w:val="single" w:sz="8" w:space="6" w:color="365E60" w:themeColor="accent1" w:themeShade="BF"/>
      </w:pBdr>
      <w:spacing w:before="240" w:line="240" w:lineRule="auto"/>
      <w:ind w:left="288" w:right="288"/>
      <w:contextualSpacing/>
      <w:jc w:val="center"/>
    </w:pPr>
    <w:rPr>
      <w:caps/>
      <w:color w:val="365E60" w:themeColor="accent1" w:themeShade="BF"/>
      <w:sz w:val="42"/>
      <w:szCs w:val="22"/>
    </w:rPr>
  </w:style>
  <w:style w:type="paragraph" w:styleId="Title">
    <w:name w:val="Title"/>
    <w:basedOn w:val="Normal"/>
    <w:link w:val="TitleChar"/>
    <w:uiPriority w:val="1"/>
    <w:qFormat/>
    <w:pPr>
      <w:spacing w:before="240" w:line="240" w:lineRule="auto"/>
      <w:contextualSpacing/>
      <w:jc w:val="center"/>
    </w:pPr>
    <w:rPr>
      <w:rFonts w:asciiTheme="majorHAnsi" w:eastAsiaTheme="majorEastAsia" w:hAnsiTheme="majorHAnsi" w:cstheme="majorBidi"/>
      <w:caps/>
      <w:color w:val="FFFFFF" w:themeColor="background1"/>
      <w:kern w:val="28"/>
      <w:sz w:val="88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aps/>
      <w:color w:val="FFFFFF" w:themeColor="background1"/>
      <w:kern w:val="28"/>
      <w:sz w:val="88"/>
      <w:szCs w:val="56"/>
    </w:rPr>
  </w:style>
  <w:style w:type="character" w:customStyle="1" w:styleId="SubtitleChar">
    <w:name w:val="Subtitle Char"/>
    <w:basedOn w:val="DefaultParagraphFont"/>
    <w:link w:val="Subtitle"/>
    <w:uiPriority w:val="2"/>
    <w:rPr>
      <w:caps/>
      <w:color w:val="365E60" w:themeColor="accent1" w:themeShade="BF"/>
      <w:sz w:val="42"/>
      <w:szCs w:val="22"/>
    </w:rPr>
  </w:style>
  <w:style w:type="character" w:customStyle="1" w:styleId="Heading1Char">
    <w:name w:val="Heading 1 Char"/>
    <w:basedOn w:val="DefaultParagraphFont"/>
    <w:link w:val="Heading1"/>
    <w:uiPriority w:val="9"/>
    <w:rsid w:val="008D316E"/>
    <w:rPr>
      <w:rFonts w:asciiTheme="majorHAnsi" w:eastAsiaTheme="majorEastAsia" w:hAnsiTheme="majorHAnsi" w:cstheme="majorBidi"/>
      <w:caps/>
      <w:color w:val="595959" w:themeColor="text1" w:themeTint="A6"/>
      <w:kern w:val="28"/>
      <w:sz w:val="44"/>
      <w:szCs w:val="44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2Char">
    <w:name w:val="Heading 2 Char"/>
    <w:basedOn w:val="DefaultParagraphFont"/>
    <w:link w:val="Heading2"/>
    <w:uiPriority w:val="9"/>
    <w:rsid w:val="008D316E"/>
    <w:rPr>
      <w:rFonts w:asciiTheme="majorHAnsi" w:eastAsiaTheme="majorEastAsia" w:hAnsiTheme="majorHAnsi" w:cstheme="majorBidi"/>
      <w:b/>
      <w:u w:val="single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pPr>
      <w:spacing w:before="200" w:after="160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pPr>
      <w:pBdr>
        <w:top w:val="single" w:sz="4" w:space="10" w:color="487F81" w:themeColor="accent1"/>
        <w:bottom w:val="single" w:sz="4" w:space="10" w:color="487F81" w:themeColor="accent1"/>
      </w:pBdr>
      <w:spacing w:before="360" w:after="360"/>
    </w:pPr>
    <w:rPr>
      <w:i/>
      <w:iCs/>
      <w:color w:val="487F81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Pr>
      <w:i/>
      <w:iCs/>
      <w:color w:val="487F81" w:themeColor="accent1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487F81" w:themeColor="accent1"/>
      <w:sz w:val="28"/>
    </w:rPr>
  </w:style>
  <w:style w:type="character" w:customStyle="1" w:styleId="Heading4Char">
    <w:name w:val="Heading 4 Char"/>
    <w:basedOn w:val="DefaultParagraphFont"/>
    <w:link w:val="Heading4"/>
    <w:uiPriority w:val="9"/>
    <w:rPr>
      <w:rFonts w:asciiTheme="majorHAnsi" w:eastAsiaTheme="majorEastAsia" w:hAnsiTheme="majorHAnsi" w:cstheme="majorBidi"/>
      <w:iCs/>
      <w:sz w:val="28"/>
    </w:rPr>
  </w:style>
  <w:style w:type="character" w:customStyle="1" w:styleId="Heading5Char">
    <w:name w:val="Heading 5 Char"/>
    <w:basedOn w:val="DefaultParagraphFont"/>
    <w:link w:val="Heading5"/>
    <w:uiPriority w:val="9"/>
    <w:semiHidden/>
    <w:rPr>
      <w:rFonts w:asciiTheme="majorHAnsi" w:eastAsiaTheme="majorEastAsia" w:hAnsiTheme="majorHAnsi" w:cstheme="majorBidi"/>
      <w:color w:val="365E60" w:themeColor="accent1" w:themeShade="BF"/>
    </w:rPr>
  </w:style>
  <w:style w:type="paragraph" w:styleId="Footer">
    <w:name w:val="footer"/>
    <w:basedOn w:val="Normal"/>
    <w:link w:val="FooterChar"/>
    <w:uiPriority w:val="99"/>
    <w:unhideWhenUsed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</w:style>
  <w:style w:type="paragraph" w:styleId="Header">
    <w:name w:val="header"/>
    <w:basedOn w:val="Normal"/>
    <w:link w:val="HeaderChar"/>
    <w:uiPriority w:val="99"/>
    <w:unhideWhenUsed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customStyle="1" w:styleId="ContactInfo">
    <w:name w:val="Contact Info"/>
    <w:basedOn w:val="Normal"/>
    <w:next w:val="Normal"/>
    <w:uiPriority w:val="12"/>
    <w:qFormat/>
    <w:pPr>
      <w:spacing w:before="360" w:after="0" w:line="240" w:lineRule="auto"/>
    </w:pPr>
    <w:rPr>
      <w:sz w:val="32"/>
    </w:rPr>
  </w:style>
  <w:style w:type="paragraph" w:customStyle="1" w:styleId="Phone">
    <w:name w:val="Phone"/>
    <w:basedOn w:val="Normal"/>
    <w:next w:val="Normal"/>
    <w:uiPriority w:val="13"/>
    <w:qFormat/>
    <w:pPr>
      <w:spacing w:after="0" w:line="240" w:lineRule="auto"/>
    </w:pPr>
    <w:rPr>
      <w:sz w:val="36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ListParagraph">
    <w:name w:val="List Paragraph"/>
    <w:basedOn w:val="Normal"/>
    <w:uiPriority w:val="34"/>
    <w:qFormat/>
    <w:rsid w:val="00226F5C"/>
    <w:pPr>
      <w:spacing w:after="160"/>
      <w:ind w:left="720"/>
      <w:contextualSpacing/>
    </w:pPr>
    <w:rPr>
      <w:rFonts w:eastAsiaTheme="minorHAnsi"/>
      <w:sz w:val="22"/>
      <w:szCs w:val="22"/>
      <w:lang w:eastAsia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26F5C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26F5C"/>
    <w:rPr>
      <w:rFonts w:ascii="Segoe UI" w:hAnsi="Segoe UI" w:cs="Segoe UI"/>
      <w:sz w:val="18"/>
      <w:szCs w:val="18"/>
    </w:rPr>
  </w:style>
  <w:style w:type="paragraph" w:styleId="NormalWeb">
    <w:name w:val="Normal (Web)"/>
    <w:basedOn w:val="Normal"/>
    <w:uiPriority w:val="99"/>
    <w:semiHidden/>
    <w:unhideWhenUsed/>
    <w:rsid w:val="00C90DAC"/>
    <w:pPr>
      <w:spacing w:before="100" w:beforeAutospacing="1" w:after="100" w:afterAutospacing="1" w:line="240" w:lineRule="auto"/>
    </w:pPr>
    <w:rPr>
      <w:rFonts w:ascii="Times New Roman" w:hAnsi="Times New Roman" w:cs="Times New Roman"/>
      <w:lang w:eastAsia="en-US"/>
    </w:rPr>
  </w:style>
  <w:style w:type="paragraph" w:styleId="HTMLPreformatted">
    <w:name w:val="HTML Preformatted"/>
    <w:basedOn w:val="Normal"/>
    <w:link w:val="HTMLPreformattedChar"/>
    <w:uiPriority w:val="99"/>
    <w:unhideWhenUsed/>
    <w:rsid w:val="002B4493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en-US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2B4493"/>
    <w:rPr>
      <w:rFonts w:ascii="Courier New" w:eastAsia="Times New Roman" w:hAnsi="Courier New" w:cs="Courier New"/>
      <w:sz w:val="20"/>
      <w:szCs w:val="20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0B46CF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0B46CF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0B46CF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0B46C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0B46CF"/>
    <w:rPr>
      <w:b/>
      <w:bCs/>
      <w:sz w:val="20"/>
      <w:szCs w:val="20"/>
    </w:rPr>
  </w:style>
  <w:style w:type="character" w:styleId="Hyperlink">
    <w:name w:val="Hyperlink"/>
    <w:basedOn w:val="DefaultParagraphFont"/>
    <w:uiPriority w:val="99"/>
    <w:unhideWhenUsed/>
    <w:rsid w:val="00D44BFB"/>
    <w:rPr>
      <w:color w:val="0563C1" w:themeColor="hyperlink"/>
      <w:u w:val="single"/>
    </w:rPr>
  </w:style>
  <w:style w:type="paragraph" w:styleId="Revision">
    <w:name w:val="Revision"/>
    <w:hidden/>
    <w:uiPriority w:val="99"/>
    <w:semiHidden/>
    <w:rsid w:val="0011655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179808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6022207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90416651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22072875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58779614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46887722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287018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29658323">
          <w:marLeft w:val="1166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60341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3423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7112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0" Type="http://schemas.openxmlformats.org/officeDocument/2006/relationships/hyperlink" Target="mailto:jennifer.duran@dot.ca.gov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070\AppData\Roaming\Microsoft\Templates\Business%20Flyer.dotx" TargetMode="External"/></Relationships>
</file>

<file path=word/theme/theme1.xml><?xml version="1.0" encoding="utf-8"?>
<a:theme xmlns:a="http://schemas.openxmlformats.org/drawingml/2006/main" name="Office Theme">
  <a:themeElements>
    <a:clrScheme name="Custom 84">
      <a:dk1>
        <a:sysClr val="windowText" lastClr="000000"/>
      </a:dk1>
      <a:lt1>
        <a:sysClr val="window" lastClr="FFFFFF"/>
      </a:lt1>
      <a:dk2>
        <a:srgbClr val="315953"/>
      </a:dk2>
      <a:lt2>
        <a:srgbClr val="D3F0ED"/>
      </a:lt2>
      <a:accent1>
        <a:srgbClr val="487F81"/>
      </a:accent1>
      <a:accent2>
        <a:srgbClr val="96C98C"/>
      </a:accent2>
      <a:accent3>
        <a:srgbClr val="D3D9AE"/>
      </a:accent3>
      <a:accent4>
        <a:srgbClr val="E8CA7D"/>
      </a:accent4>
      <a:accent5>
        <a:srgbClr val="F0A93F"/>
      </a:accent5>
      <a:accent6>
        <a:srgbClr val="FA8242"/>
      </a:accent6>
      <a:hlink>
        <a:srgbClr val="0563C1"/>
      </a:hlink>
      <a:folHlink>
        <a:srgbClr val="954F72"/>
      </a:folHlink>
    </a:clrScheme>
    <a:fontScheme name="Century Gothic">
      <a:maj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A63EC8831FDA347B3B4D34C1588A676" ma:contentTypeVersion="6" ma:contentTypeDescription="Create a new document." ma:contentTypeScope="" ma:versionID="986af36dea35a342596a4b3955698460">
  <xsd:schema xmlns:xsd="http://www.w3.org/2001/XMLSchema" xmlns:xs="http://www.w3.org/2001/XMLSchema" xmlns:p="http://schemas.microsoft.com/office/2006/metadata/properties" xmlns:ns2="8c8cfe39-bfce-4918-a795-97474633b185" targetNamespace="http://schemas.microsoft.com/office/2006/metadata/properties" ma:root="true" ma:fieldsID="152b2b83a319c80b81fdf0c16b6732c2" ns2:_="">
    <xsd:import namespace="8c8cfe39-bfce-4918-a795-97474633b185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c8cfe39-bfce-4918-a795-97474633b18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81ACD23-F14C-41B3-B247-998BBCEFE35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c8cfe39-bfce-4918-a795-97474633b18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8174AAB-9977-4B4E-B29C-8EA078C180FA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CD39C772-8F21-49DF-A36F-967840BED6E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usiness Flyer</Template>
  <TotalTime>0</TotalTime>
  <Pages>2</Pages>
  <Words>619</Words>
  <Characters>3529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vement and Bridge Condition Engagement Plan</dc:title>
  <dc:subject/>
  <dc:creator>Johnson, Michael B@DOT</dc:creator>
  <cp:keywords/>
  <dc:description/>
  <cp:lastModifiedBy>Pat Scouten</cp:lastModifiedBy>
  <cp:revision>2</cp:revision>
  <cp:lastPrinted>2017-06-13T20:51:00Z</cp:lastPrinted>
  <dcterms:created xsi:type="dcterms:W3CDTF">2019-05-23T18:18:00Z</dcterms:created>
  <dcterms:modified xsi:type="dcterms:W3CDTF">2019-05-23T18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A63EC8831FDA347B3B4D34C1588A676</vt:lpwstr>
  </property>
  <property fmtid="{D5CDD505-2E9C-101B-9397-08002B2CF9AE}" pid="3" name="Order">
    <vt:r8>1562500</vt:r8>
  </property>
  <property fmtid="{D5CDD505-2E9C-101B-9397-08002B2CF9AE}" pid="4" name="ComplianceAssetId">
    <vt:lpwstr/>
  </property>
  <property fmtid="{D5CDD505-2E9C-101B-9397-08002B2CF9AE}" pid="5" name="TemplateUrl">
    <vt:lpwstr/>
  </property>
  <property fmtid="{D5CDD505-2E9C-101B-9397-08002B2CF9AE}" pid="6" name="xd_Signature">
    <vt:bool>false</vt:bool>
  </property>
  <property fmtid="{D5CDD505-2E9C-101B-9397-08002B2CF9AE}" pid="7" name="xd_ProgID">
    <vt:lpwstr/>
  </property>
  <property fmtid="{D5CDD505-2E9C-101B-9397-08002B2CF9AE}" pid="8" name="_SourceUrl">
    <vt:lpwstr/>
  </property>
  <property fmtid="{D5CDD505-2E9C-101B-9397-08002B2CF9AE}" pid="9" name="_SharedFileIndex">
    <vt:lpwstr/>
  </property>
</Properties>
</file>